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166925"/>
  <mc:AlternateContent xmlns:mc="http://schemas.openxmlformats.org/markup-compatibility/2006">
    <mc:Choice Requires="x15">
      <x15ac:absPath xmlns:x15ac="http://schemas.microsoft.com/office/spreadsheetml/2010/11/ac" url="X:\ユーザ作業用フォルダ\21_経理グループ\32_各年度予算要求\R08年度予算要求関係\20260210_令和８年度当初予算　予算事業一覧、補助金支出一覧、貸付金一覧及び歳入予算一覧の公表について（通知）\HP添付ファイル\"/>
    </mc:Choice>
  </mc:AlternateContent>
  <xr:revisionPtr revIDLastSave="0" documentId="13_ncr:1_{F8C73ED5-5DF3-4FBB-BC3C-4465ED51ACA9}" xr6:coauthVersionLast="47" xr6:coauthVersionMax="47" xr10:uidLastSave="{00000000-0000-0000-0000-000000000000}"/>
  <bookViews>
    <workbookView xWindow="-108" yWindow="-108" windowWidth="23256" windowHeight="12456" xr2:uid="{4AE8DD6E-8C2B-458B-839F-D2D571AA647F}"/>
  </bookViews>
  <sheets>
    <sheet name="様式５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</externalReferences>
  <definedNames>
    <definedName name="_262行目以降" localSheetId="0">#REF!</definedName>
    <definedName name="_262行目以降">#REF!</definedName>
    <definedName name="_a" hidden="1">'[1]#REF'!$B$9:$B$51</definedName>
    <definedName name="_AF列">#REF!</definedName>
    <definedName name="_Fill" hidden="1">[2]RAK01AD!$B$9:$B$51</definedName>
    <definedName name="_xlnm._FilterDatabase" localSheetId="0" hidden="1">様式５!$A$7:$GI$35</definedName>
    <definedName name="_Order1" hidden="1">255</definedName>
    <definedName name="_Order2" hidden="1">255</definedName>
    <definedName name="①" localSheetId="0">#REF!</definedName>
    <definedName name="①">#REF!</definedName>
    <definedName name="①1" localSheetId="0">#REF!</definedName>
    <definedName name="①1">#REF!</definedName>
    <definedName name="①2" localSheetId="0">#REF!</definedName>
    <definedName name="①2">#REF!</definedName>
    <definedName name="②1">#REF!</definedName>
    <definedName name="②2">#REF!</definedName>
    <definedName name="③1">#REF!</definedName>
    <definedName name="③2">#REF!</definedName>
    <definedName name="④1">#REF!</definedName>
    <definedName name="④2">#REF!</definedName>
    <definedName name="⑥1">#REF!</definedName>
    <definedName name="a">#REF!</definedName>
    <definedName name="b">#REF!</definedName>
    <definedName name="d">#REF!</definedName>
    <definedName name="D_SYOKUINExcel">#REF!</definedName>
    <definedName name="dその他_教員">6000</definedName>
    <definedName name="dその他_職員">6800</definedName>
    <definedName name="h26確定">#REF!</definedName>
    <definedName name="h29確定">#REF!</definedName>
    <definedName name="print">#REF!</definedName>
    <definedName name="_xlnm.Print_Area" localSheetId="0">様式５!$A$1:$K$37</definedName>
    <definedName name="_xlnm.Print_Area">#REF!</definedName>
    <definedName name="printarea" localSheetId="0">#REF!</definedName>
    <definedName name="printarea">#REF!</definedName>
    <definedName name="PrintArea2" localSheetId="0">#REF!</definedName>
    <definedName name="PrintArea2">#REF!</definedName>
    <definedName name="rrr" localSheetId="0">'[3]様式16（見直しチェックシート）'!$U$53:$V$53</definedName>
    <definedName name="rrr">'[4]様式16（見直しチェックシート）'!$U$53:$V$53</definedName>
    <definedName name="Z_01EAA192_030B_4B32_8504_E8B9ACF08987_.wvu.FilterData" localSheetId="0" hidden="1">様式５!$A$7:$AM$35</definedName>
    <definedName name="Z_03AE82A1_1BE2_4ECA_87A2_03B930490FC4_.wvu.FilterData" localSheetId="0" hidden="1">様式５!$A$7:$GI$35</definedName>
    <definedName name="Z_04C8A1BA_9D22_46C9_9CEB_2BC0004FC685_.wvu.FilterData" localSheetId="0" hidden="1">様式５!$B$7:$U$35</definedName>
    <definedName name="Z_04D09D8C_94A5_461B_8EBD_462A08259C45_.wvu.FilterData" localSheetId="0" hidden="1">様式５!$A$7:$GI$35</definedName>
    <definedName name="Z_052F3F11_C124_459E_99F9_1A701D48C614_.wvu.Cols" localSheetId="0" hidden="1">様式５!$Q:$R</definedName>
    <definedName name="Z_052F3F11_C124_459E_99F9_1A701D48C614_.wvu.FilterData" localSheetId="0" hidden="1">様式５!$A$7:$GI$35</definedName>
    <definedName name="Z_052F3F11_C124_459E_99F9_1A701D48C614_.wvu.PrintArea" localSheetId="0" hidden="1">様式５!$A$1:$K$35</definedName>
    <definedName name="Z_052F3F11_C124_459E_99F9_1A701D48C614_.wvu.PrintTitles" localSheetId="0" hidden="1">様式５!$5:$8</definedName>
    <definedName name="Z_06B37801_B90C_4714_B129_94818EB4F65E_.wvu.Cols" localSheetId="0" hidden="1">様式５!$L:$R</definedName>
    <definedName name="Z_06B37801_B90C_4714_B129_94818EB4F65E_.wvu.FilterData" localSheetId="0" hidden="1">様式５!$A$7:$GI$35</definedName>
    <definedName name="Z_06B37801_B90C_4714_B129_94818EB4F65E_.wvu.PrintArea" localSheetId="0" hidden="1">様式５!$A$1:$K$35</definedName>
    <definedName name="Z_06B37801_B90C_4714_B129_94818EB4F65E_.wvu.PrintTitles" localSheetId="0" hidden="1">様式５!$5:$8</definedName>
    <definedName name="Z_0C68AD9F_EAAC_4D8C_8595_325E5145CCC9_.wvu.FilterData" localSheetId="0" hidden="1">様式５!$B$7:$U$35</definedName>
    <definedName name="Z_0EC137BB_4649_439E_A306_A2900F1F636A_.wvu.FilterData" localSheetId="0" hidden="1">様式５!$B$7:$U$35</definedName>
    <definedName name="Z_1199D24E_5AB2_4E7F_AA3B_409733D51AC4_.wvu.FilterData" localSheetId="0" hidden="1">様式５!$A$7:$GI$35</definedName>
    <definedName name="Z_1E7D5732_EF56_415D_8F2A_A9A6136A4DC3_.wvu.FilterData" localSheetId="0" hidden="1">様式５!$B$7:$U$35</definedName>
    <definedName name="Z_20E8B0EC_118D_49EF_9836_FFD168BFA307_.wvu.FilterData" localSheetId="0" hidden="1">様式５!$A$7:$AN$35</definedName>
    <definedName name="Z_22CA7278_0BB0_43BE_B164_268A2E7E7747_.wvu.Cols" localSheetId="0" hidden="1">様式５!$Q:$R</definedName>
    <definedName name="Z_22CA7278_0BB0_43BE_B164_268A2E7E7747_.wvu.FilterData" localSheetId="0" hidden="1">様式５!$A$7:$GI$35</definedName>
    <definedName name="Z_22CA7278_0BB0_43BE_B164_268A2E7E7747_.wvu.PrintArea" localSheetId="0" hidden="1">様式５!$A$1:$K$35</definedName>
    <definedName name="Z_22CA7278_0BB0_43BE_B164_268A2E7E7747_.wvu.PrintTitles" localSheetId="0" hidden="1">様式５!$5:$8</definedName>
    <definedName name="Z_23F43B3A_3258_499E_84AA_5934348FFA54_.wvu.FilterData" localSheetId="0" hidden="1">様式５!$A$7:$GI$35</definedName>
    <definedName name="Z_24D4AB45_3A64_4C2A_93AD_95EA6B944657_.wvu.FilterData" localSheetId="0" hidden="1">様式５!$B$7:$U$35</definedName>
    <definedName name="Z_27FE125A_CAC0_4187_BAC1_FA85A21F8068_.wvu.FilterData" localSheetId="0" hidden="1">様式５!$A$7:$GI$35</definedName>
    <definedName name="Z_291BEBD1_3E67_44D7_B7E4_9799E8B2AEED_.wvu.FilterData" localSheetId="0" hidden="1">様式５!$B$7:$U$35</definedName>
    <definedName name="Z_2C82E193_3E09_4CE3_80B4_E2A9361A46F4_.wvu.FilterData" localSheetId="0" hidden="1">様式５!$B$7:$U$35</definedName>
    <definedName name="Z_366D8082_4247_4BD2_8EA9_CB5780D5FB7B_.wvu.Cols" localSheetId="0" hidden="1">様式５!$Q:$R</definedName>
    <definedName name="Z_366D8082_4247_4BD2_8EA9_CB5780D5FB7B_.wvu.FilterData" localSheetId="0" hidden="1">様式５!$A$7:$GI$35</definedName>
    <definedName name="Z_366D8082_4247_4BD2_8EA9_CB5780D5FB7B_.wvu.PrintArea" localSheetId="0" hidden="1">様式５!$A$1:$K$35</definedName>
    <definedName name="Z_366D8082_4247_4BD2_8EA9_CB5780D5FB7B_.wvu.PrintTitles" localSheetId="0" hidden="1">様式５!$5:$8</definedName>
    <definedName name="Z_374AF662_332C_4305_9FF2_82EBDABE1ECA_.wvu.FilterData" localSheetId="0" hidden="1">様式５!$B$7:$U$35</definedName>
    <definedName name="Z_38677CFC_38FD_428F_B2E6_28D6556AF30E_.wvu.FilterData" localSheetId="0" hidden="1">様式５!$A$7:$AM$35</definedName>
    <definedName name="Z_3EED8F5F_471C_4B50_994D_BB7BEF016969_.wvu.FilterData" localSheetId="0" hidden="1">様式５!$B$7:$U$35</definedName>
    <definedName name="Z_44110B35_593F_4B4A_A409_C3E96DF3A694_.wvu.Cols" localSheetId="0" hidden="1">様式５!$Q:$R</definedName>
    <definedName name="Z_44110B35_593F_4B4A_A409_C3E96DF3A694_.wvu.FilterData" localSheetId="0" hidden="1">様式５!$A$8:$GI$35</definedName>
    <definedName name="Z_44110B35_593F_4B4A_A409_C3E96DF3A694_.wvu.PrintArea" localSheetId="0" hidden="1">様式５!$A$1:$K$35</definedName>
    <definedName name="Z_44110B35_593F_4B4A_A409_C3E96DF3A694_.wvu.PrintTitles" localSheetId="0" hidden="1">様式５!$5:$8</definedName>
    <definedName name="Z_443FC1F6_4EB0_4043_84B4_EA880B09B87F_.wvu.FilterData" localSheetId="0" hidden="1">様式５!$A$7:$AN$35</definedName>
    <definedName name="Z_444B054F_1122_4B41_9106_F9A119111E6C_.wvu.Cols" localSheetId="0" hidden="1">様式５!$Q:$R</definedName>
    <definedName name="Z_444B054F_1122_4B41_9106_F9A119111E6C_.wvu.FilterData" localSheetId="0" hidden="1">様式５!$A$7:$GI$35</definedName>
    <definedName name="Z_444B054F_1122_4B41_9106_F9A119111E6C_.wvu.PrintArea" localSheetId="0" hidden="1">様式５!$A$1:$K$35</definedName>
    <definedName name="Z_444B054F_1122_4B41_9106_F9A119111E6C_.wvu.PrintTitles" localSheetId="0" hidden="1">様式５!$5:$8</definedName>
    <definedName name="Z_4697FA6B_DE17_44B8_B6B3_A9559B9E7087_.wvu.Cols" localSheetId="0" hidden="1">様式５!$Q:$R</definedName>
    <definedName name="Z_4697FA6B_DE17_44B8_B6B3_A9559B9E7087_.wvu.FilterData" localSheetId="0" hidden="1">様式５!$A$7:$GI$35</definedName>
    <definedName name="Z_4697FA6B_DE17_44B8_B6B3_A9559B9E7087_.wvu.PrintArea" localSheetId="0" hidden="1">様式５!$A$1:$K$35</definedName>
    <definedName name="Z_4697FA6B_DE17_44B8_B6B3_A9559B9E7087_.wvu.PrintTitles" localSheetId="0" hidden="1">様式５!$5:$8</definedName>
    <definedName name="Z_4FA438CA_84A7_4E4A_B647_D9C724313A30_.wvu.FilterData" localSheetId="0" hidden="1">様式５!$A$7:$AM$35</definedName>
    <definedName name="Z_50AC8F9C_2188_4C12_A141_8BE304C786F0_.wvu.Cols" localSheetId="0" hidden="1">様式５!$Q:$R</definedName>
    <definedName name="Z_50AC8F9C_2188_4C12_A141_8BE304C786F0_.wvu.FilterData" localSheetId="0" hidden="1">様式５!$A$7:$GI$35</definedName>
    <definedName name="Z_50AC8F9C_2188_4C12_A141_8BE304C786F0_.wvu.PrintArea" localSheetId="0" hidden="1">様式５!$A$1:$K$35</definedName>
    <definedName name="Z_50AC8F9C_2188_4C12_A141_8BE304C786F0_.wvu.PrintTitles" localSheetId="0" hidden="1">様式５!$5:$8</definedName>
    <definedName name="Z_5668B71E_8807_468B_9970_38F9A9F9382A_.wvu.FilterData" localSheetId="0" hidden="1">様式５!$B$7:$U$35</definedName>
    <definedName name="Z_56C3E958_62F0_4D5E_80EF_1B0A7490DD11_.wvu.FilterData" localSheetId="0" hidden="1">様式５!$A$7:$GI$35</definedName>
    <definedName name="Z_57745067_BF0B_4087_B5A6_8A5691A551DD_.wvu.FilterData" localSheetId="0" hidden="1">様式５!$A$7:$AN$35</definedName>
    <definedName name="Z_581BD237_B078_4701_B24C_0BFF302F5B2F_.wvu.Cols" localSheetId="0" hidden="1">様式５!$Q:$R</definedName>
    <definedName name="Z_581BD237_B078_4701_B24C_0BFF302F5B2F_.wvu.FilterData" localSheetId="0" hidden="1">様式５!$A$7:$GI$35</definedName>
    <definedName name="Z_581BD237_B078_4701_B24C_0BFF302F5B2F_.wvu.PrintArea" localSheetId="0" hidden="1">様式５!$A$1:$K$35</definedName>
    <definedName name="Z_581BD237_B078_4701_B24C_0BFF302F5B2F_.wvu.PrintTitles" localSheetId="0" hidden="1">様式５!$5:$8</definedName>
    <definedName name="Z_5F0F1A79_0791_4C2C_8D13_6CD22FD0499B_.wvu.Cols" localSheetId="0" hidden="1">様式５!$Q:$R</definedName>
    <definedName name="Z_5F0F1A79_0791_4C2C_8D13_6CD22FD0499B_.wvu.FilterData" localSheetId="0" hidden="1">様式５!$A$7:$AN$35</definedName>
    <definedName name="Z_5F0F1A79_0791_4C2C_8D13_6CD22FD0499B_.wvu.PrintArea" localSheetId="0" hidden="1">様式５!$A$1:$K$35</definedName>
    <definedName name="Z_5F0F1A79_0791_4C2C_8D13_6CD22FD0499B_.wvu.PrintTitles" localSheetId="0" hidden="1">様式５!$5:$8</definedName>
    <definedName name="Z_5F6E0A5B_1F3F_4878_8986_ED55F9EE06F4_.wvu.Cols" localSheetId="0" hidden="1">様式５!$Q:$R</definedName>
    <definedName name="Z_5F6E0A5B_1F3F_4878_8986_ED55F9EE06F4_.wvu.FilterData" localSheetId="0" hidden="1">様式５!$A$7:$GI$35</definedName>
    <definedName name="Z_5F6E0A5B_1F3F_4878_8986_ED55F9EE06F4_.wvu.PrintArea" localSheetId="0" hidden="1">様式５!$A$1:$K$35</definedName>
    <definedName name="Z_5F6E0A5B_1F3F_4878_8986_ED55F9EE06F4_.wvu.PrintTitles" localSheetId="0" hidden="1">様式５!$5:$8</definedName>
    <definedName name="Z_640D24A1_F93A_49AE_989A_09EA35DB6178_.wvu.FilterData" localSheetId="0" hidden="1">様式５!$A$8:$GI$35</definedName>
    <definedName name="Z_66224404_EA19_4356_92BE_A2F395931004_.wvu.FilterData" localSheetId="0" hidden="1">様式５!$A$7:$AM$35</definedName>
    <definedName name="Z_665488CF_8ABE_4275_9644_48E5F5043390_.wvu.FilterData" localSheetId="0" hidden="1">様式５!$B$7:$U$35</definedName>
    <definedName name="Z_6989C8E8_DF8B_443A_A0DC_63D85A87347B_.wvu.Cols" localSheetId="0" hidden="1">様式５!$Q:$R</definedName>
    <definedName name="Z_6989C8E8_DF8B_443A_A0DC_63D85A87347B_.wvu.FilterData" localSheetId="0" hidden="1">様式５!$A$7:$GI$35</definedName>
    <definedName name="Z_6989C8E8_DF8B_443A_A0DC_63D85A87347B_.wvu.PrintArea" localSheetId="0" hidden="1">様式５!$A$1:$K$35</definedName>
    <definedName name="Z_6989C8E8_DF8B_443A_A0DC_63D85A87347B_.wvu.PrintTitles" localSheetId="0" hidden="1">様式５!$5:$8</definedName>
    <definedName name="Z_70837B7F_EB31_4D6D_B20E_5962F6B0E27E_.wvu.Cols" localSheetId="0" hidden="1">様式５!$Q:$R</definedName>
    <definedName name="Z_70837B7F_EB31_4D6D_B20E_5962F6B0E27E_.wvu.FilterData" localSheetId="0" hidden="1">様式５!$A$7:$GI$35</definedName>
    <definedName name="Z_70837B7F_EB31_4D6D_B20E_5962F6B0E27E_.wvu.PrintArea" localSheetId="0" hidden="1">様式５!$A$1:$K$35</definedName>
    <definedName name="Z_70837B7F_EB31_4D6D_B20E_5962F6B0E27E_.wvu.PrintTitles" localSheetId="0" hidden="1">様式５!$5:$8</definedName>
    <definedName name="Z_70924426_1D8A_405C_99DB_5F184299D133_.wvu.FilterData" localSheetId="0" hidden="1">様式５!$A$7:$GI$35</definedName>
    <definedName name="Z_749145BA_5224_4309_8744_80063D3AC2A1_.wvu.FilterData" localSheetId="0" hidden="1">様式５!$B$7:$U$35</definedName>
    <definedName name="Z_7A18676E_04A4_4AFB_8334_7BB0F24E5EE3_.wvu.FilterData" localSheetId="0" hidden="1">様式５!$A$8:$GI$35</definedName>
    <definedName name="Z_7BAEEC97_8C0D_4727_9C2C_C181F26DD884_.wvu.Cols" localSheetId="0" hidden="1">様式５!$Q:$R</definedName>
    <definedName name="Z_7BAEEC97_8C0D_4727_9C2C_C181F26DD884_.wvu.FilterData" localSheetId="0" hidden="1">様式５!$A$7:$GI$35</definedName>
    <definedName name="Z_7BAEEC97_8C0D_4727_9C2C_C181F26DD884_.wvu.PrintArea" localSheetId="0" hidden="1">様式５!$A$1:$K$35</definedName>
    <definedName name="Z_7BAEEC97_8C0D_4727_9C2C_C181F26DD884_.wvu.PrintTitles" localSheetId="0" hidden="1">様式５!$5:$8</definedName>
    <definedName name="Z_7D518F9E_8A7F_4DB5_A328_AF9BA1D8A68F_.wvu.FilterData" localSheetId="0" hidden="1">様式５!$B$7:$U$35</definedName>
    <definedName name="Z_7D7B3232_DD2F_4BAD_9D61_7BB9E8FBC5D0_.wvu.FilterData" localSheetId="0" hidden="1">様式５!$A$8:$GI$35</definedName>
    <definedName name="Z_7E2DCBD7_F134_4F01_A073_369742F025BC_.wvu.FilterData" localSheetId="0" hidden="1">様式５!$B$7:$U$35</definedName>
    <definedName name="Z_7F4591BF_0F6E_463C_863C_F8DFB75D20FC_.wvu.Cols" localSheetId="0" hidden="1">様式５!$Q:$R</definedName>
    <definedName name="Z_7F4591BF_0F6E_463C_863C_F8DFB75D20FC_.wvu.FilterData" localSheetId="0" hidden="1">様式５!$A$7:$AN$35</definedName>
    <definedName name="Z_7F4591BF_0F6E_463C_863C_F8DFB75D20FC_.wvu.PrintArea" localSheetId="0" hidden="1">様式５!$A$1:$K$35</definedName>
    <definedName name="Z_7F4591BF_0F6E_463C_863C_F8DFB75D20FC_.wvu.PrintTitles" localSheetId="0" hidden="1">様式５!$5:$8</definedName>
    <definedName name="Z_7F9543F0_7900_417C_8668_8D9DC3C6A87C_.wvu.FilterData" localSheetId="0" hidden="1">様式５!$B$7:$U$35</definedName>
    <definedName name="Z_81B5A484_EBF1_4915_9B07_DDCCFE2DB28C_.wvu.FilterData" localSheetId="0" hidden="1">様式５!$B$7:$U$35</definedName>
    <definedName name="Z_86736FF6_D9DA_4CB4_A1A0_805D5D48FA90_.wvu.FilterData" localSheetId="0" hidden="1">様式５!$B$7:$U$35</definedName>
    <definedName name="Z_88E44795_6332_42B5_AD03_CD37EB030AF2_.wvu.FilterData" localSheetId="0" hidden="1">様式５!$B$7:$U$35</definedName>
    <definedName name="Z_89110E34_4E32_4289_9AEB_D2891C4E270B_.wvu.FilterData" localSheetId="0" hidden="1">様式５!$A$7:$AN$35</definedName>
    <definedName name="Z_89C710E6_1500_4641_966A_C6D35D6B7EB2_.wvu.FilterData" localSheetId="0" hidden="1">様式５!$B$7:$U$35</definedName>
    <definedName name="Z_8B9E1F4E_8704_47E3_AFC2_BD7B7399C304_.wvu.FilterData" localSheetId="0" hidden="1">様式５!$B$7:$U$35</definedName>
    <definedName name="Z_97250119_8D07_4D98_BD4A_0062145CE139_.wvu.FilterData" localSheetId="0" hidden="1">様式５!$A$8:$GI$35</definedName>
    <definedName name="Z_99CD74FC_8B79_402C_9E5F_4C8C844F7522_.wvu.Cols" localSheetId="0" hidden="1">様式５!$Q:$R</definedName>
    <definedName name="Z_99CD74FC_8B79_402C_9E5F_4C8C844F7522_.wvu.FilterData" localSheetId="0" hidden="1">様式５!$A$7:$AN$35</definedName>
    <definedName name="Z_99CD74FC_8B79_402C_9E5F_4C8C844F7522_.wvu.PrintArea" localSheetId="0" hidden="1">様式５!$A$1:$K$35</definedName>
    <definedName name="Z_99CD74FC_8B79_402C_9E5F_4C8C844F7522_.wvu.PrintTitles" localSheetId="0" hidden="1">様式５!$5:$8</definedName>
    <definedName name="Z_9B02B18F_FBC3_4003_B64D_6BF6D2FAF148_.wvu.Cols" localSheetId="0" hidden="1">様式５!$Q:$R</definedName>
    <definedName name="Z_9B02B18F_FBC3_4003_B64D_6BF6D2FAF148_.wvu.FilterData" localSheetId="0" hidden="1">様式５!$A$7:$GI$35</definedName>
    <definedName name="Z_9B02B18F_FBC3_4003_B64D_6BF6D2FAF148_.wvu.PrintArea" localSheetId="0" hidden="1">様式５!$A$1:$K$35</definedName>
    <definedName name="Z_9B02B18F_FBC3_4003_B64D_6BF6D2FAF148_.wvu.PrintTitles" localSheetId="0" hidden="1">様式５!$5:$8</definedName>
    <definedName name="Z_9B4A25DD_435F_45A5_893D_7D8E03D5FC78_.wvu.FilterData" localSheetId="0" hidden="1">様式５!$B$7:$U$35</definedName>
    <definedName name="Z_9C01AE63_CFF0_4106_9038_7FADD737BB91_.wvu.Cols" localSheetId="0" hidden="1">様式５!$Q:$R</definedName>
    <definedName name="Z_9C01AE63_CFF0_4106_9038_7FADD737BB91_.wvu.FilterData" localSheetId="0" hidden="1">様式５!$A$7:$GI$35</definedName>
    <definedName name="Z_9C01AE63_CFF0_4106_9038_7FADD737BB91_.wvu.PrintArea" localSheetId="0" hidden="1">様式５!$A$1:$K$35</definedName>
    <definedName name="Z_9C01AE63_CFF0_4106_9038_7FADD737BB91_.wvu.PrintTitles" localSheetId="0" hidden="1">様式５!$5:$8</definedName>
    <definedName name="Z_9C40EDED_6440_486C_B2C2_1C1E7F80BEFD_.wvu.FilterData" localSheetId="0" hidden="1">様式５!$A$7:$GI$35</definedName>
    <definedName name="Z_A0CE4855_8BF5_4B09_B255_E1A19C4E3053_.wvu.Cols" localSheetId="0" hidden="1">様式５!$Q:$R</definedName>
    <definedName name="Z_A0CE4855_8BF5_4B09_B255_E1A19C4E3053_.wvu.FilterData" localSheetId="0" hidden="1">様式５!$A$8:$GI$35</definedName>
    <definedName name="Z_A0CE4855_8BF5_4B09_B255_E1A19C4E3053_.wvu.PrintArea" localSheetId="0" hidden="1">様式５!$A$1:$K$35</definedName>
    <definedName name="Z_A0CE4855_8BF5_4B09_B255_E1A19C4E3053_.wvu.PrintTitles" localSheetId="0" hidden="1">様式５!$5:$8</definedName>
    <definedName name="Z_A0D972C1_3D2C_4C11_9E56_A82C309030EE_.wvu.Cols" localSheetId="0" hidden="1">様式５!$Q:$R</definedName>
    <definedName name="Z_A0D972C1_3D2C_4C11_9E56_A82C309030EE_.wvu.FilterData" localSheetId="0" hidden="1">様式５!$A$7:$GI$35</definedName>
    <definedName name="Z_A0D972C1_3D2C_4C11_9E56_A82C309030EE_.wvu.PrintArea" localSheetId="0" hidden="1">様式５!$A$1:$K$35</definedName>
    <definedName name="Z_A0D972C1_3D2C_4C11_9E56_A82C309030EE_.wvu.PrintTitles" localSheetId="0" hidden="1">様式５!$5:$8</definedName>
    <definedName name="Z_A1410A53_A816_48E6_BA3B_34AFBECBBF89_.wvu.FilterData" localSheetId="0" hidden="1">様式５!$A$7:$GI$35</definedName>
    <definedName name="Z_A5081DD8_9472_4A84_A31C_C87428B96836_.wvu.FilterData" localSheetId="0" hidden="1">様式５!$A$7:$GI$35</definedName>
    <definedName name="Z_A62B912E_02A1_47A6_A44F_AD1D542D7EAA_.wvu.FilterData" localSheetId="0" hidden="1">様式５!$B$7:$U$35</definedName>
    <definedName name="Z_A899A51E_0321_424E_A816_E762C6453A5E_.wvu.Cols" localSheetId="0" hidden="1">様式５!$Q:$R</definedName>
    <definedName name="Z_A899A51E_0321_424E_A816_E762C6453A5E_.wvu.FilterData" localSheetId="0" hidden="1">様式５!$A$8:$GI$35</definedName>
    <definedName name="Z_A899A51E_0321_424E_A816_E762C6453A5E_.wvu.PrintArea" localSheetId="0" hidden="1">様式５!$A$1:$K$35</definedName>
    <definedName name="Z_A899A51E_0321_424E_A816_E762C6453A5E_.wvu.PrintTitles" localSheetId="0" hidden="1">様式５!$5:$8</definedName>
    <definedName name="Z_ABE7CFFB_C659_4189_B81A_6BEE666EADF0_.wvu.FilterData" localSheetId="0" hidden="1">様式５!$B$7:$U$35</definedName>
    <definedName name="Z_AC548A2E_C48E_45CC_879A_E2EBB2B33EEA_.wvu.Cols" localSheetId="0" hidden="1">様式５!$Q:$R</definedName>
    <definedName name="Z_AC548A2E_C48E_45CC_879A_E2EBB2B33EEA_.wvu.FilterData" localSheetId="0" hidden="1">様式５!$A$7:$AM$35</definedName>
    <definedName name="Z_AC548A2E_C48E_45CC_879A_E2EBB2B33EEA_.wvu.PrintArea" localSheetId="0" hidden="1">様式５!$A$1:$K$35</definedName>
    <definedName name="Z_AC548A2E_C48E_45CC_879A_E2EBB2B33EEA_.wvu.PrintTitles" localSheetId="0" hidden="1">様式５!$5:$8</definedName>
    <definedName name="Z_ACF9747A_930D_4496_B09E_8726FC61D724_.wvu.FilterData" localSheetId="0" hidden="1">様式５!$B$7:$U$35</definedName>
    <definedName name="Z_AD4EEFD1_EF9D_4286_82C0_7E3CB759B6A3_.wvu.FilterData" localSheetId="0" hidden="1">様式５!$A$8:$GI$35</definedName>
    <definedName name="Z_B1C44EF9_9F01_4248_AAFB_58D37EA4F0EC_.wvu.Cols" localSheetId="0" hidden="1">様式５!$Q:$R</definedName>
    <definedName name="Z_B1C44EF9_9F01_4248_AAFB_58D37EA4F0EC_.wvu.FilterData" localSheetId="0" hidden="1">様式５!$A$7:$AN$35</definedName>
    <definedName name="Z_B1C44EF9_9F01_4248_AAFB_58D37EA4F0EC_.wvu.PrintArea" localSheetId="0" hidden="1">様式５!$A$1:$K$35</definedName>
    <definedName name="Z_B1C44EF9_9F01_4248_AAFB_58D37EA4F0EC_.wvu.PrintTitles" localSheetId="0" hidden="1">様式５!$5:$8</definedName>
    <definedName name="Z_B1F42F59_5BB5_41C4_97C6_4484184E13F1_.wvu.FilterData" localSheetId="0" hidden="1">様式５!$A$7:$AN$35</definedName>
    <definedName name="Z_B2687233_4AA3_4362_A023_25CC6BE303C3_.wvu.FilterData" localSheetId="0" hidden="1">様式５!$A$8:$GI$35</definedName>
    <definedName name="Z_B2D441E7_D750_4466_9F5C_BED9F80CA5C9_.wvu.Cols" localSheetId="0" hidden="1">様式５!$Q:$R</definedName>
    <definedName name="Z_B2D441E7_D750_4466_9F5C_BED9F80CA5C9_.wvu.FilterData" localSheetId="0" hidden="1">様式５!$A$7:$GI$35</definedName>
    <definedName name="Z_B2D441E7_D750_4466_9F5C_BED9F80CA5C9_.wvu.PrintArea" localSheetId="0" hidden="1">様式５!$A$1:$K$35</definedName>
    <definedName name="Z_B2D441E7_D750_4466_9F5C_BED9F80CA5C9_.wvu.PrintTitles" localSheetId="0" hidden="1">様式５!$5:$8</definedName>
    <definedName name="Z_B4678970_F49A_41CB_BDF8_35F7BBC61272_.wvu.FilterData" localSheetId="0" hidden="1">様式５!$A$7:$GI$35</definedName>
    <definedName name="Z_B46A0E73_873C_4404_B73B_B777317F5A7C_.wvu.Cols" localSheetId="0" hidden="1">様式５!$Q:$R</definedName>
    <definedName name="Z_B46A0E73_873C_4404_B73B_B777317F5A7C_.wvu.FilterData" localSheetId="0" hidden="1">様式５!$A$7:$AM$35</definedName>
    <definedName name="Z_B46A0E73_873C_4404_B73B_B777317F5A7C_.wvu.PrintArea" localSheetId="0" hidden="1">様式５!$A$1:$K$35</definedName>
    <definedName name="Z_B46A0E73_873C_4404_B73B_B777317F5A7C_.wvu.PrintTitles" localSheetId="0" hidden="1">様式５!$5:$8</definedName>
    <definedName name="Z_B4B87361_AF8D_47C5_957E_E5D261105FF8_.wvu.FilterData" localSheetId="0" hidden="1">様式５!$B$7:$U$35</definedName>
    <definedName name="Z_B6553749_8496_48D9_9B28_2FAA782B16AA_.wvu.FilterData" localSheetId="0" hidden="1">様式５!$A$7:$AN$35</definedName>
    <definedName name="Z_B8061F44_4299_433B_992E_389B11EF0957_.wvu.Cols" localSheetId="0" hidden="1">様式５!$Q:$R</definedName>
    <definedName name="Z_B8061F44_4299_433B_992E_389B11EF0957_.wvu.FilterData" localSheetId="0" hidden="1">様式５!$A$7:$GI$35</definedName>
    <definedName name="Z_B8061F44_4299_433B_992E_389B11EF0957_.wvu.PrintArea" localSheetId="0" hidden="1">様式５!$A$1:$K$35</definedName>
    <definedName name="Z_B8061F44_4299_433B_992E_389B11EF0957_.wvu.PrintTitles" localSheetId="0" hidden="1">様式５!$5:$8</definedName>
    <definedName name="Z_B8F489ED_1D77_4F4E_A920_2AEA32928870_.wvu.Cols" localSheetId="0" hidden="1">様式５!$Q:$R</definedName>
    <definedName name="Z_B8F489ED_1D77_4F4E_A920_2AEA32928870_.wvu.FilterData" localSheetId="0" hidden="1">様式５!$A$7:$AM$35</definedName>
    <definedName name="Z_B8F489ED_1D77_4F4E_A920_2AEA32928870_.wvu.PrintArea" localSheetId="0" hidden="1">様式５!$A$1:$K$35</definedName>
    <definedName name="Z_B8F489ED_1D77_4F4E_A920_2AEA32928870_.wvu.PrintTitles" localSheetId="0" hidden="1">様式５!$5:$8</definedName>
    <definedName name="Z_BEBE1D7C_DEFF_404E_81F6_1D5210FB524E_.wvu.FilterData" localSheetId="0" hidden="1">様式５!$A$7:$AR$35</definedName>
    <definedName name="Z_C0F05C73_B9DA_46F9_A090_B8FE2204D51E_.wvu.Cols" localSheetId="0" hidden="1">様式５!$Q:$R</definedName>
    <definedName name="Z_C0F05C73_B9DA_46F9_A090_B8FE2204D51E_.wvu.FilterData" localSheetId="0" hidden="1">様式５!$A$7:$GI$35</definedName>
    <definedName name="Z_C0F05C73_B9DA_46F9_A090_B8FE2204D51E_.wvu.PrintArea" localSheetId="0" hidden="1">様式５!$A$1:$K$35</definedName>
    <definedName name="Z_C0F05C73_B9DA_46F9_A090_B8FE2204D51E_.wvu.PrintTitles" localSheetId="0" hidden="1">様式５!$5:$8</definedName>
    <definedName name="Z_C16C9525_F2AB_499F_8B03_B5D0380B83C8_.wvu.FilterData" localSheetId="0" hidden="1">様式５!$A$7:$GI$35</definedName>
    <definedName name="Z_C4D82BCF_451C_40BA_B4B3_30E21386BB25_.wvu.Cols" localSheetId="0" hidden="1">様式５!$Q:$R</definedName>
    <definedName name="Z_C4D82BCF_451C_40BA_B4B3_30E21386BB25_.wvu.FilterData" localSheetId="0" hidden="1">様式５!$A$7:$AN$35</definedName>
    <definedName name="Z_C4D82BCF_451C_40BA_B4B3_30E21386BB25_.wvu.PrintArea" localSheetId="0" hidden="1">様式５!$A$1:$K$35</definedName>
    <definedName name="Z_C4D82BCF_451C_40BA_B4B3_30E21386BB25_.wvu.PrintTitles" localSheetId="0" hidden="1">様式５!$5:$8</definedName>
    <definedName name="Z_C9C96EC1_4A13_433C_8CA1_D624BCDA23FB_.wvu.Cols" localSheetId="0" hidden="1">様式５!$Q:$R</definedName>
    <definedName name="Z_C9C96EC1_4A13_433C_8CA1_D624BCDA23FB_.wvu.FilterData" localSheetId="0" hidden="1">様式５!$A$7:$GI$35</definedName>
    <definedName name="Z_C9C96EC1_4A13_433C_8CA1_D624BCDA23FB_.wvu.PrintArea" localSheetId="0" hidden="1">様式５!$A$1:$K$35</definedName>
    <definedName name="Z_C9C96EC1_4A13_433C_8CA1_D624BCDA23FB_.wvu.PrintTitles" localSheetId="0" hidden="1">様式５!$5:$8</definedName>
    <definedName name="Z_CA064EC8_4D5C_43EE_BBED_E1B6AF542620_.wvu.FilterData" localSheetId="0" hidden="1">様式５!$A$7:$AM$35</definedName>
    <definedName name="Z_CC508307_D119_49FF_8BAA_92AABCA0A5FE_.wvu.FilterData" localSheetId="0" hidden="1">様式５!$A$7:$AN$35</definedName>
    <definedName name="Z_CD5934FC_09B2_46D2_BD46_603DD634A2B3_.wvu.FilterData" localSheetId="0" hidden="1">様式５!$B$7:$U$35</definedName>
    <definedName name="Z_CF210D75_E9EC_484F_8319_9012F4240FCE_.wvu.FilterData" localSheetId="0" hidden="1">様式５!$B$7:$U$35</definedName>
    <definedName name="Z_CF3F1375_589A_425A_AD36_5AC937F02F87_.wvu.Cols" localSheetId="0" hidden="1">様式５!$Q:$R</definedName>
    <definedName name="Z_CF3F1375_589A_425A_AD36_5AC937F02F87_.wvu.FilterData" localSheetId="0" hidden="1">様式５!$A$7:$GI$35</definedName>
    <definedName name="Z_CF3F1375_589A_425A_AD36_5AC937F02F87_.wvu.PrintArea" localSheetId="0" hidden="1">様式５!$A$1:$K$35</definedName>
    <definedName name="Z_CF3F1375_589A_425A_AD36_5AC937F02F87_.wvu.PrintTitles" localSheetId="0" hidden="1">様式５!$5:$8</definedName>
    <definedName name="Z_CFAC28C4_9DA6_44BB_B6AC_1E1BA4188994_.wvu.Cols" localSheetId="0" hidden="1">様式５!$Q:$R</definedName>
    <definedName name="Z_CFAC28C4_9DA6_44BB_B6AC_1E1BA4188994_.wvu.FilterData" localSheetId="0" hidden="1">様式５!$A$7:$AN$35</definedName>
    <definedName name="Z_CFAC28C4_9DA6_44BB_B6AC_1E1BA4188994_.wvu.PrintArea" localSheetId="0" hidden="1">様式５!$A$1:$K$35</definedName>
    <definedName name="Z_CFAC28C4_9DA6_44BB_B6AC_1E1BA4188994_.wvu.PrintTitles" localSheetId="0" hidden="1">様式５!$5:$8</definedName>
    <definedName name="Z_D1B1F72B_6819_4930_8144_DE97EF61D4BF_.wvu.FilterData" localSheetId="0" hidden="1">様式５!$A$7:$GI$35</definedName>
    <definedName name="Z_D1FDF22B_2638_4D49_B1CE_8C5C674E5104_.wvu.Cols" localSheetId="0" hidden="1">様式５!$Q:$R</definedName>
    <definedName name="Z_D1FDF22B_2638_4D49_B1CE_8C5C674E5104_.wvu.FilterData" localSheetId="0" hidden="1">様式５!$A$8:$GI$35</definedName>
    <definedName name="Z_D1FDF22B_2638_4D49_B1CE_8C5C674E5104_.wvu.PrintArea" localSheetId="0" hidden="1">様式５!$A$1:$K$35</definedName>
    <definedName name="Z_D1FDF22B_2638_4D49_B1CE_8C5C674E5104_.wvu.PrintTitles" localSheetId="0" hidden="1">様式５!$5:$8</definedName>
    <definedName name="Z_D256FE90_7AAC_4F17_90E9_624F563EB144_.wvu.FilterData" localSheetId="0" hidden="1">様式５!$B$7:$U$35</definedName>
    <definedName name="Z_D3F484C7_A7A8_41A6_A643_59A7212BC1DA_.wvu.Cols" localSheetId="0" hidden="1">様式５!$Q:$R</definedName>
    <definedName name="Z_D3F484C7_A7A8_41A6_A643_59A7212BC1DA_.wvu.FilterData" localSheetId="0" hidden="1">様式５!$A$7:$GI$35</definedName>
    <definedName name="Z_D3F484C7_A7A8_41A6_A643_59A7212BC1DA_.wvu.PrintArea" localSheetId="0" hidden="1">様式５!$A$1:$K$35</definedName>
    <definedName name="Z_D3F484C7_A7A8_41A6_A643_59A7212BC1DA_.wvu.PrintTitles" localSheetId="0" hidden="1">様式５!$5:$8</definedName>
    <definedName name="Z_D4EA57D4_4F86_40B9_8148_886698F83C2D_.wvu.Cols" localSheetId="0" hidden="1">様式５!$Q:$R</definedName>
    <definedName name="Z_D4EA57D4_4F86_40B9_8148_886698F83C2D_.wvu.FilterData" localSheetId="0" hidden="1">様式５!$A$8:$GI$35</definedName>
    <definedName name="Z_D4EA57D4_4F86_40B9_8148_886698F83C2D_.wvu.PrintArea" localSheetId="0" hidden="1">様式５!$A$1:$K$35</definedName>
    <definedName name="Z_D4EA57D4_4F86_40B9_8148_886698F83C2D_.wvu.PrintTitles" localSheetId="0" hidden="1">様式５!$5:$8</definedName>
    <definedName name="Z_D6BF0446_50C6_4678_A04B_32751588DCF3_.wvu.FilterData" localSheetId="0" hidden="1">様式５!$A$7:$AM$35</definedName>
    <definedName name="Z_D8CB58F5_96B6_4D98_AA0B_1C30DB37037E_.wvu.FilterData" localSheetId="0" hidden="1">様式５!$A$7:$AN$35</definedName>
    <definedName name="Z_DBBA8445_9E0F_40D4_9DE9_2933FE897DAF_.wvu.FilterData" localSheetId="0" hidden="1">様式５!$A$7:$AN$35</definedName>
    <definedName name="Z_DCF9EBB2_7E40_4D30_A631_26C53A48C875_.wvu.FilterData" localSheetId="0" hidden="1">様式５!$A$7:$GI$35</definedName>
    <definedName name="Z_DD5041F1_D646_4B19_8029_60E491D20DFE_.wvu.FilterData" localSheetId="0" hidden="1">様式５!$B$7:$U$35</definedName>
    <definedName name="Z_DE09C4E9_0758_44B2_A8EA_EB4A253DB03B_.wvu.FilterData" localSheetId="0" hidden="1">様式５!$A$7:$AN$35</definedName>
    <definedName name="Z_E021E6C9_86EB_41E0_8F9B_D09B9E304D29_.wvu.Cols" localSheetId="0" hidden="1">様式５!$Q:$R</definedName>
    <definedName name="Z_E021E6C9_86EB_41E0_8F9B_D09B9E304D29_.wvu.FilterData" localSheetId="0" hidden="1">様式５!$A$8:$GI$35</definedName>
    <definedName name="Z_E021E6C9_86EB_41E0_8F9B_D09B9E304D29_.wvu.PrintArea" localSheetId="0" hidden="1">様式５!$A$1:$K$35</definedName>
    <definedName name="Z_E021E6C9_86EB_41E0_8F9B_D09B9E304D29_.wvu.PrintTitles" localSheetId="0" hidden="1">様式５!$5:$8</definedName>
    <definedName name="Z_E0B705B4_A912_4810_9C2E_4F7E515E914E_.wvu.Cols" localSheetId="0" hidden="1">様式５!$Q:$R</definedName>
    <definedName name="Z_E0B705B4_A912_4810_9C2E_4F7E515E914E_.wvu.FilterData" localSheetId="0" hidden="1">様式５!$A$7:$AM$35</definedName>
    <definedName name="Z_E0B705B4_A912_4810_9C2E_4F7E515E914E_.wvu.PrintArea" localSheetId="0" hidden="1">様式５!$A$1:$K$35</definedName>
    <definedName name="Z_E0B705B4_A912_4810_9C2E_4F7E515E914E_.wvu.PrintTitles" localSheetId="0" hidden="1">様式５!$5:$8</definedName>
    <definedName name="Z_E16630A9_77A8_489F_A623_9A8FC0379AC4_.wvu.Cols" localSheetId="0" hidden="1">様式５!$Q:$R</definedName>
    <definedName name="Z_E16630A9_77A8_489F_A623_9A8FC0379AC4_.wvu.FilterData" localSheetId="0" hidden="1">様式５!$A$7:$AN$35</definedName>
    <definedName name="Z_E16630A9_77A8_489F_A623_9A8FC0379AC4_.wvu.PrintArea" localSheetId="0" hidden="1">様式５!$A$1:$K$35</definedName>
    <definedName name="Z_E16630A9_77A8_489F_A623_9A8FC0379AC4_.wvu.PrintTitles" localSheetId="0" hidden="1">様式５!$5:$8</definedName>
    <definedName name="Z_E2E7A86C_90FB_4339_8885_AFCEC833D4CF_.wvu.FilterData" localSheetId="0" hidden="1">様式５!$A$7:$GI$35</definedName>
    <definedName name="Z_E3738867_F5D5_4516_9C4E_FA0FEDF4A671_.wvu.FilterData" localSheetId="0" hidden="1">様式５!$B$7:$U$35</definedName>
    <definedName name="Z_E4D5FBE2_BDB8_47D1_B4A9_3D49381FAF5C_.wvu.Cols" localSheetId="0" hidden="1">様式５!$Q:$R</definedName>
    <definedName name="Z_E4D5FBE2_BDB8_47D1_B4A9_3D49381FAF5C_.wvu.FilterData" localSheetId="0" hidden="1">様式５!$A$7:$GI$35</definedName>
    <definedName name="Z_E4D5FBE2_BDB8_47D1_B4A9_3D49381FAF5C_.wvu.PrintArea" localSheetId="0" hidden="1">様式５!$A$1:$K$35</definedName>
    <definedName name="Z_E4D5FBE2_BDB8_47D1_B4A9_3D49381FAF5C_.wvu.PrintTitles" localSheetId="0" hidden="1">様式５!$5:$8</definedName>
    <definedName name="Z_E9599D06_5045_4F02_A405_3D6703BDDB40_.wvu.Cols" localSheetId="0" hidden="1">様式５!$Q:$R</definedName>
    <definedName name="Z_E9599D06_5045_4F02_A405_3D6703BDDB40_.wvu.FilterData" localSheetId="0" hidden="1">様式５!$A$7:$GI$35</definedName>
    <definedName name="Z_E9599D06_5045_4F02_A405_3D6703BDDB40_.wvu.PrintArea" localSheetId="0" hidden="1">様式５!$A$1:$K$35</definedName>
    <definedName name="Z_E9599D06_5045_4F02_A405_3D6703BDDB40_.wvu.PrintTitles" localSheetId="0" hidden="1">様式５!$5:$8</definedName>
    <definedName name="Z_EA41A870_F127_49E7_A3AB_BAEABD1815B4_.wvu.FilterData" localSheetId="0" hidden="1">様式５!$A$7:$AN$35</definedName>
    <definedName name="Z_EC32E599_0BEF_41F1_8B76_6572A0EC043F_.wvu.Cols" localSheetId="0" hidden="1">様式５!$Q:$R</definedName>
    <definedName name="Z_EC32E599_0BEF_41F1_8B76_6572A0EC043F_.wvu.FilterData" localSheetId="0" hidden="1">様式５!$A$7:$GI$35</definedName>
    <definedName name="Z_EC32E599_0BEF_41F1_8B76_6572A0EC043F_.wvu.PrintArea" localSheetId="0" hidden="1">様式５!$A$1:$K$35</definedName>
    <definedName name="Z_EC32E599_0BEF_41F1_8B76_6572A0EC043F_.wvu.PrintTitles" localSheetId="0" hidden="1">様式５!$5:$8</definedName>
    <definedName name="Z_EC7353BA_FEB2_44C3_9BD4_FB607F8CAE56_.wvu.Cols" localSheetId="0" hidden="1">様式５!$Q:$R</definedName>
    <definedName name="Z_EC7353BA_FEB2_44C3_9BD4_FB607F8CAE56_.wvu.FilterData" localSheetId="0" hidden="1">様式５!$A$7:$GI$35</definedName>
    <definedName name="Z_EC7353BA_FEB2_44C3_9BD4_FB607F8CAE56_.wvu.PrintArea" localSheetId="0" hidden="1">様式５!$A$1:$K$35</definedName>
    <definedName name="Z_EC7353BA_FEB2_44C3_9BD4_FB607F8CAE56_.wvu.PrintTitles" localSheetId="0" hidden="1">様式５!$5:$8</definedName>
    <definedName name="Z_EC7ABD86_73FB_4738_8E62_37D9777EF768_.wvu.FilterData" localSheetId="0" hidden="1">様式５!$A$7:$AN$35</definedName>
    <definedName name="Z_ECD10BCA_61B5_48D1_AFED_EA9B32A0B90E_.wvu.Cols" localSheetId="0" hidden="1">様式５!$Q:$R</definedName>
    <definedName name="Z_ECD10BCA_61B5_48D1_AFED_EA9B32A0B90E_.wvu.FilterData" localSheetId="0" hidden="1">様式５!$A$7:$AN$35</definedName>
    <definedName name="Z_ECD10BCA_61B5_48D1_AFED_EA9B32A0B90E_.wvu.PrintArea" localSheetId="0" hidden="1">様式５!$A$1:$K$35</definedName>
    <definedName name="Z_ECD10BCA_61B5_48D1_AFED_EA9B32A0B90E_.wvu.PrintTitles" localSheetId="0" hidden="1">様式５!$5:$8</definedName>
    <definedName name="Z_ECE06993_6D41_42FC_98A7_AAC2020FADCC_.wvu.FilterData" localSheetId="0" hidden="1">様式５!$B$7:$U$35</definedName>
    <definedName name="Z_EDE797E3_EF62_4135_93F5_F9D63E4A645A_.wvu.FilterData" localSheetId="0" hidden="1">様式５!$A$7:$GI$35</definedName>
    <definedName name="Z_F060692F_E6DF_412F_9701_0C64A0D5BC00_.wvu.FilterData" localSheetId="0" hidden="1">様式５!$A$7:$GI$35</definedName>
    <definedName name="Z_F4877DFA_CD25_4ACD_8FD8_51FEDFFE69C4_.wvu.FilterData" localSheetId="0" hidden="1">様式５!$A$7:$GI$35</definedName>
    <definedName name="Z_F552F5E9_56D0_45EB_BAC2_4EDB8E6C3152_.wvu.FilterData" localSheetId="0" hidden="1">様式５!$A$7:$AN$35</definedName>
    <definedName name="Z_F6ADF229_4919_4DA6_81C9_9FB0BF082A60_.wvu.FilterData" localSheetId="0" hidden="1">様式５!$B$7:$U$35</definedName>
    <definedName name="Z_FC27523E_F7B2_4FC2_87C5_2688147494EC_.wvu.FilterData" localSheetId="0" hidden="1">様式５!$B$7:$U$35</definedName>
    <definedName name="Z_FE190E17_C77D_49C1_A972_F9F2A53C5F62_.wvu.FilterData" localSheetId="0" hidden="1">様式５!$A$7:$GI$35</definedName>
    <definedName name="あ" localSheetId="0">#REF!,#REF!,#REF!,#REF!</definedName>
    <definedName name="あ">#REF!,#REF!,#REF!,#REF!</definedName>
    <definedName name="その他経費営業外費用金額_1" localSheetId="0">#REF!</definedName>
    <definedName name="その他経費営業外費用金額_1">#REF!</definedName>
    <definedName name="その他経費営業外費用金額_10" localSheetId="0">#REF!</definedName>
    <definedName name="その他経費営業外費用金額_10">#REF!</definedName>
    <definedName name="その他経費営業外費用金額_11" localSheetId="0">#REF!</definedName>
    <definedName name="その他経費営業外費用金額_11">#REF!</definedName>
    <definedName name="その他経費営業外費用金額_12">#REF!</definedName>
    <definedName name="その他経費営業外費用金額_13">#REF!</definedName>
    <definedName name="その他経費営業外費用金額_14">#REF!</definedName>
    <definedName name="その他経費営業外費用金額_15">#REF!</definedName>
    <definedName name="その他経費営業外費用金額_16">#REF!</definedName>
    <definedName name="その他経費営業外費用金額_17">#REF!</definedName>
    <definedName name="その他経費営業外費用金額_18">#REF!</definedName>
    <definedName name="その他経費営業外費用金額_19">#REF!</definedName>
    <definedName name="その他経費営業外費用金額_2">#REF!</definedName>
    <definedName name="その他経費営業外費用金額_20">#REF!</definedName>
    <definedName name="その他経費営業外費用金額_21">#REF!</definedName>
    <definedName name="その他経費営業外費用金額_3">#REF!</definedName>
    <definedName name="その他経費営業外費用金額_4">#REF!</definedName>
    <definedName name="その他経費営業外費用金額_5">#REF!</definedName>
    <definedName name="その他経費営業外費用金額_6">#REF!</definedName>
    <definedName name="その他経費営業外費用金額_7">#REF!</definedName>
    <definedName name="その他経費営業外費用金額_8">#REF!</definedName>
    <definedName name="その他経費営業外費用金額_9">#REF!</definedName>
    <definedName name="その他経費営業外費用税額_1">#REF!</definedName>
    <definedName name="その他経費営業外費用税額_10">#REF!</definedName>
    <definedName name="その他経費営業外費用税額_11">#REF!</definedName>
    <definedName name="その他経費営業外費用税額_12">#REF!</definedName>
    <definedName name="その他経費営業外費用税額_13">#REF!</definedName>
    <definedName name="その他経費営業外費用税額_14">#REF!</definedName>
    <definedName name="その他経費営業外費用税額_15">#REF!</definedName>
    <definedName name="その他経費営業外費用税額_16">#REF!</definedName>
    <definedName name="その他経費営業外費用税額_17">#REF!</definedName>
    <definedName name="その他経費営業外費用税額_18">#REF!</definedName>
    <definedName name="その他経費営業外費用税額_19">#REF!</definedName>
    <definedName name="その他経費営業外費用税額_2">#REF!</definedName>
    <definedName name="その他経費営業外費用税額_20">#REF!</definedName>
    <definedName name="その他経費営業外費用税額_21">#REF!</definedName>
    <definedName name="その他経費営業外費用税額_3">#REF!</definedName>
    <definedName name="その他経費営業外費用税額_4">#REF!</definedName>
    <definedName name="その他経費営業外費用税額_5">#REF!</definedName>
    <definedName name="その他経費営業外費用税額_6">#REF!</definedName>
    <definedName name="その他経費営業外費用税額_7">#REF!</definedName>
    <definedName name="その他経費営業外費用税額_8">#REF!</definedName>
    <definedName name="その他経費営業外費用税額_9">#REF!</definedName>
    <definedName name="その他経費左記以外金額_1">#REF!</definedName>
    <definedName name="その他経費左記以外金額_10">#REF!</definedName>
    <definedName name="その他経費左記以外金額_11">#REF!</definedName>
    <definedName name="その他経費左記以外金額_12">#REF!</definedName>
    <definedName name="その他経費左記以外金額_13">#REF!</definedName>
    <definedName name="その他経費左記以外金額_14">#REF!</definedName>
    <definedName name="その他経費左記以外金額_15">#REF!</definedName>
    <definedName name="その他経費左記以外金額_16">#REF!</definedName>
    <definedName name="その他経費左記以外金額_17">#REF!</definedName>
    <definedName name="その他経費左記以外金額_18">#REF!</definedName>
    <definedName name="その他経費左記以外金額_19">#REF!</definedName>
    <definedName name="その他経費左記以外金額_2">#REF!</definedName>
    <definedName name="その他経費左記以外金額_20">#REF!</definedName>
    <definedName name="その他経費左記以外金額_21">#REF!</definedName>
    <definedName name="その他経費左記以外金額_3">#REF!</definedName>
    <definedName name="その他経費左記以外金額_4">#REF!</definedName>
    <definedName name="その他経費左記以外金額_5">#REF!</definedName>
    <definedName name="その他経費左記以外金額_6">#REF!</definedName>
    <definedName name="その他経費左記以外金額_7">#REF!</definedName>
    <definedName name="その他経費左記以外金額_8">#REF!</definedName>
    <definedName name="その他経費左記以外金額_9">#REF!</definedName>
    <definedName name="その他経費左記以外税額_1">#REF!</definedName>
    <definedName name="その他経費左記以外税額_10">#REF!</definedName>
    <definedName name="その他経費左記以外税額_11">#REF!</definedName>
    <definedName name="その他経費左記以外税額_12">#REF!</definedName>
    <definedName name="その他経費左記以外税額_13">#REF!</definedName>
    <definedName name="その他経費左記以外税額_14">#REF!</definedName>
    <definedName name="その他経費左記以外税額_15">#REF!</definedName>
    <definedName name="その他経費左記以外税額_16">#REF!</definedName>
    <definedName name="その他経費左記以外税額_17">#REF!</definedName>
    <definedName name="その他経費左記以外税額_18">#REF!</definedName>
    <definedName name="その他経費左記以外税額_19">#REF!</definedName>
    <definedName name="その他経費左記以外税額_2">#REF!</definedName>
    <definedName name="その他経費左記以外税額_20">#REF!</definedName>
    <definedName name="その他経費左記以外税額_21">#REF!</definedName>
    <definedName name="その他経費左記以外税額_3">#REF!</definedName>
    <definedName name="その他経費左記以外税額_4">#REF!</definedName>
    <definedName name="その他経費左記以外税額_5">#REF!</definedName>
    <definedName name="その他経費左記以外税額_6">#REF!</definedName>
    <definedName name="その他経費左記以外税額_7">#REF!</definedName>
    <definedName name="その他経費左記以外税額_8">#REF!</definedName>
    <definedName name="その他経費左記以外税額_9">#REF!</definedName>
    <definedName name="その他経費名称_1">#REF!</definedName>
    <definedName name="その他経費名称_10">#REF!</definedName>
    <definedName name="その他経費名称_11">#REF!</definedName>
    <definedName name="その他経費名称_12">#REF!</definedName>
    <definedName name="その他経費名称_13">#REF!</definedName>
    <definedName name="その他経費名称_14">#REF!</definedName>
    <definedName name="その他経費名称_15">#REF!</definedName>
    <definedName name="その他経費名称_16">#REF!</definedName>
    <definedName name="その他経費名称_17">#REF!</definedName>
    <definedName name="その他経費名称_18">#REF!</definedName>
    <definedName name="その他経費名称_19">#REF!</definedName>
    <definedName name="その他経費名称_2">#REF!</definedName>
    <definedName name="その他経費名称_20">#REF!</definedName>
    <definedName name="その他経費名称_21">#REF!</definedName>
    <definedName name="その他経費名称_3">#REF!</definedName>
    <definedName name="その他経費名称_4">#REF!</definedName>
    <definedName name="その他経費名称_5">#REF!</definedName>
    <definedName name="その他経費名称_6">#REF!</definedName>
    <definedName name="その他経費名称_7">#REF!</definedName>
    <definedName name="その他経費名称_8">#REF!</definedName>
    <definedName name="その他経費名称_9">#REF!</definedName>
    <definedName name="ヘッダ出力金額">#REF!</definedName>
    <definedName name="ヘッダ単位">#REF!</definedName>
    <definedName name="ヘッダ年度">#REF!</definedName>
    <definedName name="応募者Q">#REF!</definedName>
    <definedName name="加算_教員">5000</definedName>
    <definedName name="加算_職員">5900</definedName>
    <definedName name="勘定名称_1">#REF!</definedName>
    <definedName name="勘定名称_10">#REF!</definedName>
    <definedName name="勘定名称_11">#REF!</definedName>
    <definedName name="勘定名称_12">#REF!</definedName>
    <definedName name="勘定名称_13">#REF!</definedName>
    <definedName name="勘定名称_14">#REF!</definedName>
    <definedName name="勘定名称_15">#REF!</definedName>
    <definedName name="勘定名称_16">#REF!</definedName>
    <definedName name="勘定名称_17">#REF!</definedName>
    <definedName name="勘定名称_18">#REF!</definedName>
    <definedName name="勘定名称_19">#REF!</definedName>
    <definedName name="勘定名称_2">#REF!</definedName>
    <definedName name="勘定名称_20">#REF!</definedName>
    <definedName name="勘定名称_3">#REF!</definedName>
    <definedName name="勘定名称_4">#REF!</definedName>
    <definedName name="勘定名称_5">#REF!</definedName>
    <definedName name="勘定名称_6">#REF!</definedName>
    <definedName name="勘定名称_7">#REF!</definedName>
    <definedName name="勘定名称_8">#REF!</definedName>
    <definedName name="勘定名称_9">#REF!</definedName>
    <definedName name="基金">#REF!</definedName>
    <definedName name="給与課から">#REF!</definedName>
    <definedName name="局計">#REF!</definedName>
    <definedName name="決見">#REF!</definedName>
    <definedName name="見出し営業費用目名称０１">#REF!</definedName>
    <definedName name="見出し営業費用目名称０２">#REF!</definedName>
    <definedName name="見出し営業費用目名称０３">#REF!</definedName>
    <definedName name="見出し営業費用目名称０４">#REF!</definedName>
    <definedName name="見出し営業費用目名称０５">#REF!</definedName>
    <definedName name="見出し営業費用目名称０６">#REF!</definedName>
    <definedName name="見出し営業費用目名称０７">#REF!</definedName>
    <definedName name="見出し営業費用目名称０８">#REF!</definedName>
    <definedName name="見出し営業費用目名称０９">#REF!</definedName>
    <definedName name="見出し営業費用目名称１０">#REF!</definedName>
    <definedName name="見出し出力金額">#REF!</definedName>
    <definedName name="現頁">#REF!</definedName>
    <definedName name="合計">#REF!</definedName>
    <definedName name="歳出">#REF!</definedName>
    <definedName name="歳入１">#REF!</definedName>
    <definedName name="歳入２">#REF!</definedName>
    <definedName name="財源対策" localSheetId="0">#REF!,#REF!,#REF!,#REF!</definedName>
    <definedName name="財源対策">#REF!,#REF!,#REF!,#REF!</definedName>
    <definedName name="作成時間" localSheetId="0">#REF!</definedName>
    <definedName name="作成時間">#REF!</definedName>
    <definedName name="作成日付">#REF!</definedName>
    <definedName name="資本丸め">#REF!</definedName>
    <definedName name="資本縦表">#REF!</definedName>
    <definedName name="資本費営業外費用金額_1">#REF!</definedName>
    <definedName name="資本費営業外費用金額_10">#REF!</definedName>
    <definedName name="資本費営業外費用金額_11">#REF!</definedName>
    <definedName name="資本費営業外費用金額_12">#REF!</definedName>
    <definedName name="資本費営業外費用金額_13">#REF!</definedName>
    <definedName name="資本費営業外費用金額_14">#REF!</definedName>
    <definedName name="資本費営業外費用金額_15">#REF!</definedName>
    <definedName name="資本費営業外費用金額_16">#REF!</definedName>
    <definedName name="資本費営業外費用金額_17">#REF!</definedName>
    <definedName name="資本費営業外費用金額_2">#REF!</definedName>
    <definedName name="資本費営業外費用金額_3">#REF!</definedName>
    <definedName name="資本費営業外費用金額_4">#REF!</definedName>
    <definedName name="資本費営業外費用金額_5">#REF!</definedName>
    <definedName name="資本費営業外費用金額_6">#REF!</definedName>
    <definedName name="資本費営業外費用金額_7">#REF!</definedName>
    <definedName name="資本費営業外費用金額_8">#REF!</definedName>
    <definedName name="資本費営業外費用金額_9">#REF!</definedName>
    <definedName name="資本費営業外費用税額_1">#REF!</definedName>
    <definedName name="資本費営業外費用税額_10">#REF!</definedName>
    <definedName name="資本費営業外費用税額_11">#REF!</definedName>
    <definedName name="資本費営業外費用税額_12">#REF!</definedName>
    <definedName name="資本費営業外費用税額_13">#REF!</definedName>
    <definedName name="資本費営業外費用税額_14">#REF!</definedName>
    <definedName name="資本費営業外費用税額_15">#REF!</definedName>
    <definedName name="資本費営業外費用税額_16">#REF!</definedName>
    <definedName name="資本費営業外費用税額_17">#REF!</definedName>
    <definedName name="資本費営業外費用税額_2">#REF!</definedName>
    <definedName name="資本費営業外費用税額_3">#REF!</definedName>
    <definedName name="資本費営業外費用税額_4">#REF!</definedName>
    <definedName name="資本費営業外費用税額_5">#REF!</definedName>
    <definedName name="資本費営業外費用税額_6">#REF!</definedName>
    <definedName name="資本費営業外費用税額_7">#REF!</definedName>
    <definedName name="資本費営業外費用税額_8">#REF!</definedName>
    <definedName name="資本費営業外費用税額_9">#REF!</definedName>
    <definedName name="資本費左記以外金額_1">#REF!</definedName>
    <definedName name="資本費左記以外金額_10">#REF!</definedName>
    <definedName name="資本費左記以外金額_11">#REF!</definedName>
    <definedName name="資本費左記以外金額_12">#REF!</definedName>
    <definedName name="資本費左記以外金額_13">#REF!</definedName>
    <definedName name="資本費左記以外金額_14">#REF!</definedName>
    <definedName name="資本費左記以外金額_15">#REF!</definedName>
    <definedName name="資本費左記以外金額_16">#REF!</definedName>
    <definedName name="資本費左記以外金額_17">#REF!</definedName>
    <definedName name="資本費左記以外金額_2">#REF!</definedName>
    <definedName name="資本費左記以外金額_3">#REF!</definedName>
    <definedName name="資本費左記以外金額_4">#REF!</definedName>
    <definedName name="資本費左記以外金額_5">#REF!</definedName>
    <definedName name="資本費左記以外金額_6">#REF!</definedName>
    <definedName name="資本費左記以外金額_7">#REF!</definedName>
    <definedName name="資本費左記以外金額_8">#REF!</definedName>
    <definedName name="資本費左記以外金額_9">#REF!</definedName>
    <definedName name="資本費左記以外税額_1">#REF!</definedName>
    <definedName name="資本費左記以外税額_10">#REF!</definedName>
    <definedName name="資本費左記以外税額_11">#REF!</definedName>
    <definedName name="資本費左記以外税額_12">#REF!</definedName>
    <definedName name="資本費左記以外税額_13">#REF!</definedName>
    <definedName name="資本費左記以外税額_14">#REF!</definedName>
    <definedName name="資本費左記以外税額_15">#REF!</definedName>
    <definedName name="資本費左記以外税額_16">#REF!</definedName>
    <definedName name="資本費左記以外税額_17">#REF!</definedName>
    <definedName name="資本費左記以外税額_2">#REF!</definedName>
    <definedName name="資本費左記以外税額_3">#REF!</definedName>
    <definedName name="資本費左記以外税額_4">#REF!</definedName>
    <definedName name="資本費左記以外税額_5">#REF!</definedName>
    <definedName name="資本費左記以外税額_6">#REF!</definedName>
    <definedName name="資本費左記以外税額_7">#REF!</definedName>
    <definedName name="資本費左記以外税額_8">#REF!</definedName>
    <definedName name="資本費左記以外税額_9">#REF!</definedName>
    <definedName name="資本費名称_1">#REF!</definedName>
    <definedName name="資本費名称_10">#REF!</definedName>
    <definedName name="資本費名称_11">#REF!</definedName>
    <definedName name="資本費名称_12">#REF!</definedName>
    <definedName name="資本費名称_13">#REF!</definedName>
    <definedName name="資本費名称_14">#REF!</definedName>
    <definedName name="資本費名称_15">#REF!</definedName>
    <definedName name="資本費名称_16">#REF!</definedName>
    <definedName name="資本費名称_17">#REF!</definedName>
    <definedName name="資本費名称_2">#REF!</definedName>
    <definedName name="資本費名称_3">#REF!</definedName>
    <definedName name="資本費名称_4">#REF!</definedName>
    <definedName name="資本費名称_5">#REF!</definedName>
    <definedName name="資本費名称_6">#REF!</definedName>
    <definedName name="資本費名称_7">#REF!</definedName>
    <definedName name="資本費名称_8">#REF!</definedName>
    <definedName name="資本費名称_9">#REF!</definedName>
    <definedName name="事業名称">#REF!</definedName>
    <definedName name="識別コード8月14日">#REF!</definedName>
    <definedName name="借方残高_1">#REF!</definedName>
    <definedName name="借方残高_10">#REF!</definedName>
    <definedName name="借方残高_11">#REF!</definedName>
    <definedName name="借方残高_12">#REF!</definedName>
    <definedName name="借方残高_13">#REF!</definedName>
    <definedName name="借方残高_14">#REF!</definedName>
    <definedName name="借方残高_15">#REF!</definedName>
    <definedName name="借方残高_16">#REF!</definedName>
    <definedName name="借方残高_17">#REF!</definedName>
    <definedName name="借方残高_18">#REF!</definedName>
    <definedName name="借方残高_19">#REF!</definedName>
    <definedName name="借方残高_2">#REF!</definedName>
    <definedName name="借方残高_20">#REF!</definedName>
    <definedName name="借方残高_3">#REF!</definedName>
    <definedName name="借方残高_4">#REF!</definedName>
    <definedName name="借方残高_5">#REF!</definedName>
    <definedName name="借方残高_6">#REF!</definedName>
    <definedName name="借方残高_7">#REF!</definedName>
    <definedName name="借方残高_8">#REF!</definedName>
    <definedName name="借方残高_9">#REF!</definedName>
    <definedName name="借方当月_1">#REF!</definedName>
    <definedName name="借方当月_10">#REF!</definedName>
    <definedName name="借方当月_11">#REF!</definedName>
    <definedName name="借方当月_12">#REF!</definedName>
    <definedName name="借方当月_13">#REF!</definedName>
    <definedName name="借方当月_14">#REF!</definedName>
    <definedName name="借方当月_15">#REF!</definedName>
    <definedName name="借方当月_16">#REF!</definedName>
    <definedName name="借方当月_17">#REF!</definedName>
    <definedName name="借方当月_18">#REF!</definedName>
    <definedName name="借方当月_19">#REF!</definedName>
    <definedName name="借方当月_2">#REF!</definedName>
    <definedName name="借方当月_20">#REF!</definedName>
    <definedName name="借方当月_3">#REF!</definedName>
    <definedName name="借方当月_4">#REF!</definedName>
    <definedName name="借方当月_5">#REF!</definedName>
    <definedName name="借方当月_6">#REF!</definedName>
    <definedName name="借方当月_7">#REF!</definedName>
    <definedName name="借方当月_8">#REF!</definedName>
    <definedName name="借方当月_9">#REF!</definedName>
    <definedName name="借方累計_1">#REF!</definedName>
    <definedName name="借方累計_10">#REF!</definedName>
    <definedName name="借方累計_11">#REF!</definedName>
    <definedName name="借方累計_12">#REF!</definedName>
    <definedName name="借方累計_13">#REF!</definedName>
    <definedName name="借方累計_14">#REF!</definedName>
    <definedName name="借方累計_15">#REF!</definedName>
    <definedName name="借方累計_16">#REF!</definedName>
    <definedName name="借方累計_17">#REF!</definedName>
    <definedName name="借方累計_18">#REF!</definedName>
    <definedName name="借方累計_19">#REF!</definedName>
    <definedName name="借方累計_2">#REF!</definedName>
    <definedName name="借方累計_20">#REF!</definedName>
    <definedName name="借方累計_3">#REF!</definedName>
    <definedName name="借方累計_4">#REF!</definedName>
    <definedName name="借方累計_5">#REF!</definedName>
    <definedName name="借方累計_6">#REF!</definedName>
    <definedName name="借方累計_7">#REF!</definedName>
    <definedName name="借方累計_8">#REF!</definedName>
    <definedName name="借方累計_9">#REF!</definedName>
    <definedName name="収益丸め">#REF!</definedName>
    <definedName name="収益縦表">#REF!</definedName>
    <definedName name="所属ｺｰﾄﾞ">#REF!</definedName>
    <definedName name="所属名称">#REF!</definedName>
    <definedName name="職員情報データ">#REF!</definedName>
    <definedName name="職員情報データ出力">#REF!</definedName>
    <definedName name="人件費計０１金額">#REF!</definedName>
    <definedName name="人件費計０１税額">#REF!</definedName>
    <definedName name="人件費計０２金額">#REF!</definedName>
    <definedName name="人件費計０２税額">#REF!</definedName>
    <definedName name="人件費計０３金額">#REF!</definedName>
    <definedName name="人件費計０３税額">#REF!</definedName>
    <definedName name="人件費計０４金額">#REF!</definedName>
    <definedName name="人件費計０４税額">#REF!</definedName>
    <definedName name="人件費計０５金額">#REF!</definedName>
    <definedName name="人件費計０５税額">#REF!</definedName>
    <definedName name="人件費計０６金額">#REF!</definedName>
    <definedName name="人件費計０６税額">#REF!</definedName>
    <definedName name="人件費計０７金額">#REF!</definedName>
    <definedName name="人件費計０７税額">#REF!</definedName>
    <definedName name="人件費計０８金額">#REF!</definedName>
    <definedName name="人件費計０８税額">#REF!</definedName>
    <definedName name="人件費計０９金額">#REF!</definedName>
    <definedName name="人件費計０９税額">#REF!</definedName>
    <definedName name="人件費計１０金額">#REF!</definedName>
    <definedName name="人件費計１０税額">#REF!</definedName>
    <definedName name="人件費計左記以外金額">#REF!</definedName>
    <definedName name="人件費計左記以外税額">#REF!</definedName>
    <definedName name="税収１">#REF!</definedName>
    <definedName name="税収２">#REF!</definedName>
    <definedName name="全体">#REF!</definedName>
    <definedName name="全体局計">#REF!</definedName>
    <definedName name="対象年月">#REF!</definedName>
    <definedName name="貸方残高_1">#REF!</definedName>
    <definedName name="貸方残高_10">#REF!</definedName>
    <definedName name="貸方残高_11">#REF!</definedName>
    <definedName name="貸方残高_12">#REF!</definedName>
    <definedName name="貸方残高_13">#REF!</definedName>
    <definedName name="貸方残高_14">#REF!</definedName>
    <definedName name="貸方残高_15">#REF!</definedName>
    <definedName name="貸方残高_16">#REF!</definedName>
    <definedName name="貸方残高_17">#REF!</definedName>
    <definedName name="貸方残高_18">#REF!</definedName>
    <definedName name="貸方残高_19">#REF!</definedName>
    <definedName name="貸方残高_2">#REF!</definedName>
    <definedName name="貸方残高_20">#REF!</definedName>
    <definedName name="貸方残高_3">#REF!</definedName>
    <definedName name="貸方残高_4">#REF!</definedName>
    <definedName name="貸方残高_5">#REF!</definedName>
    <definedName name="貸方残高_6">#REF!</definedName>
    <definedName name="貸方残高_7">#REF!</definedName>
    <definedName name="貸方残高_8">#REF!</definedName>
    <definedName name="貸方残高_9">#REF!</definedName>
    <definedName name="貸方当月_1">#REF!</definedName>
    <definedName name="貸方当月_10">#REF!</definedName>
    <definedName name="貸方当月_11">#REF!</definedName>
    <definedName name="貸方当月_12">#REF!</definedName>
    <definedName name="貸方当月_13">#REF!</definedName>
    <definedName name="貸方当月_14">#REF!</definedName>
    <definedName name="貸方当月_15">#REF!</definedName>
    <definedName name="貸方当月_16">#REF!</definedName>
    <definedName name="貸方当月_17">#REF!</definedName>
    <definedName name="貸方当月_18">#REF!</definedName>
    <definedName name="貸方当月_19">#REF!</definedName>
    <definedName name="貸方当月_2">#REF!</definedName>
    <definedName name="貸方当月_20">#REF!</definedName>
    <definedName name="貸方当月_3">#REF!</definedName>
    <definedName name="貸方当月_4">#REF!</definedName>
    <definedName name="貸方当月_5">#REF!</definedName>
    <definedName name="貸方当月_6">#REF!</definedName>
    <definedName name="貸方当月_7">#REF!</definedName>
    <definedName name="貸方当月_8">#REF!</definedName>
    <definedName name="貸方当月_9">#REF!</definedName>
    <definedName name="貸方累計_1">#REF!</definedName>
    <definedName name="貸方累計_10">#REF!</definedName>
    <definedName name="貸方累計_11">#REF!</definedName>
    <definedName name="貸方累計_12">#REF!</definedName>
    <definedName name="貸方累計_13">#REF!</definedName>
    <definedName name="貸方累計_14">#REF!</definedName>
    <definedName name="貸方累計_15">#REF!</definedName>
    <definedName name="貸方累計_16">#REF!</definedName>
    <definedName name="貸方累計_17">#REF!</definedName>
    <definedName name="貸方累計_18">#REF!</definedName>
    <definedName name="貸方累計_19">#REF!</definedName>
    <definedName name="貸方累計_2">#REF!</definedName>
    <definedName name="貸方累計_20">#REF!</definedName>
    <definedName name="貸方累計_3">#REF!</definedName>
    <definedName name="貸方累計_4">#REF!</definedName>
    <definedName name="貸方累計_5">#REF!</definedName>
    <definedName name="貸方累計_6">#REF!</definedName>
    <definedName name="貸方累計_7">#REF!</definedName>
    <definedName name="貸方累計_8">#REF!</definedName>
    <definedName name="貸方累計_9">#REF!</definedName>
    <definedName name="退職厚生">#REF!</definedName>
    <definedName name="団体名">[5]データ!$B$4:$B$96</definedName>
    <definedName name="特別損失金額" localSheetId="0">#REF!</definedName>
    <definedName name="特別損失金額">#REF!</definedName>
    <definedName name="特別損失税額" localSheetId="0">#REF!</definedName>
    <definedName name="特別損失税額">#REF!</definedName>
    <definedName name="年度" localSheetId="0">#REF!</definedName>
    <definedName name="年度">#REF!</definedName>
    <definedName name="燃料">#REF!</definedName>
    <definedName name="被服">#REF!</definedName>
    <definedName name="費目">#REF!</definedName>
    <definedName name="費目コード">#REF!</definedName>
    <definedName name="費目識別">#REF!</definedName>
    <definedName name="物件費０１金額_1">#REF!</definedName>
    <definedName name="物件費０１金額_10">#REF!</definedName>
    <definedName name="物件費０１金額_11">#REF!</definedName>
    <definedName name="物件費０１金額_12">#REF!</definedName>
    <definedName name="物件費０１金額_13">#REF!</definedName>
    <definedName name="物件費０１金額_14">#REF!</definedName>
    <definedName name="物件費０１金額_15">#REF!</definedName>
    <definedName name="物件費０１金額_16">#REF!</definedName>
    <definedName name="物件費０１金額_17">#REF!</definedName>
    <definedName name="物件費０１金額_18">#REF!</definedName>
    <definedName name="物件費０１金額_19">#REF!</definedName>
    <definedName name="物件費０１金額_2">#REF!</definedName>
    <definedName name="物件費０１金額_20">#REF!</definedName>
    <definedName name="物件費０１金額_21">#REF!</definedName>
    <definedName name="物件費０１金額_22">#REF!</definedName>
    <definedName name="物件費０１金額_23">#REF!</definedName>
    <definedName name="物件費０１金額_24">#REF!</definedName>
    <definedName name="物件費０１金額_25">#REF!</definedName>
    <definedName name="物件費０１金額_26">#REF!</definedName>
    <definedName name="物件費０１金額_27">#REF!</definedName>
    <definedName name="物件費０１金額_28">#REF!</definedName>
    <definedName name="物件費０１金額_29">#REF!</definedName>
    <definedName name="物件費０１金額_3">#REF!</definedName>
    <definedName name="物件費０１金額_30">#REF!</definedName>
    <definedName name="物件費０１金額_31">#REF!</definedName>
    <definedName name="物件費０１金額_32">#REF!</definedName>
    <definedName name="物件費０１金額_33">#REF!</definedName>
    <definedName name="物件費０１金額_34">#REF!</definedName>
    <definedName name="物件費０１金額_35">#REF!</definedName>
    <definedName name="物件費０１金額_36">#REF!</definedName>
    <definedName name="物件費０１金額_37">#REF!</definedName>
    <definedName name="物件費０１金額_38">#REF!</definedName>
    <definedName name="物件費０１金額_39">#REF!</definedName>
    <definedName name="物件費０１金額_4">#REF!</definedName>
    <definedName name="物件費０１金額_40">#REF!</definedName>
    <definedName name="物件費０１金額_41">#REF!</definedName>
    <definedName name="物件費０１金額_42">#REF!</definedName>
    <definedName name="物件費０１金額_43">#REF!</definedName>
    <definedName name="物件費０１金額_44">#REF!</definedName>
    <definedName name="物件費０１金額_45">#REF!</definedName>
    <definedName name="物件費０１金額_46">#REF!</definedName>
    <definedName name="物件費０１金額_5">#REF!</definedName>
    <definedName name="物件費０１金額_6">#REF!</definedName>
    <definedName name="物件費０１金額_7">#REF!</definedName>
    <definedName name="物件費０１金額_8">#REF!</definedName>
    <definedName name="物件費０１金額_9">#REF!</definedName>
    <definedName name="物件費０１税額_1">#REF!</definedName>
    <definedName name="物件費０１税額_10">#REF!</definedName>
    <definedName name="物件費０１税額_11">#REF!</definedName>
    <definedName name="物件費０１税額_12">#REF!</definedName>
    <definedName name="物件費０１税額_13">#REF!</definedName>
    <definedName name="物件費０１税額_14">#REF!</definedName>
    <definedName name="物件費０１税額_15">#REF!</definedName>
    <definedName name="物件費０１税額_16">#REF!</definedName>
    <definedName name="物件費０１税額_17">#REF!</definedName>
    <definedName name="物件費０１税額_18">#REF!</definedName>
    <definedName name="物件費０１税額_19">#REF!</definedName>
    <definedName name="物件費０１税額_2">#REF!</definedName>
    <definedName name="物件費０１税額_20">#REF!</definedName>
    <definedName name="物件費０１税額_21">#REF!</definedName>
    <definedName name="物件費０１税額_22">#REF!</definedName>
    <definedName name="物件費０１税額_23">#REF!</definedName>
    <definedName name="物件費０１税額_24">#REF!</definedName>
    <definedName name="物件費０１税額_25">#REF!</definedName>
    <definedName name="物件費０１税額_26">#REF!</definedName>
    <definedName name="物件費０１税額_27">#REF!</definedName>
    <definedName name="物件費０１税額_28">#REF!</definedName>
    <definedName name="物件費０１税額_29">#REF!</definedName>
    <definedName name="物件費０１税額_3">#REF!</definedName>
    <definedName name="物件費０１税額_30">#REF!</definedName>
    <definedName name="物件費０１税額_31">#REF!</definedName>
    <definedName name="物件費０１税額_32">#REF!</definedName>
    <definedName name="物件費０１税額_33">#REF!</definedName>
    <definedName name="物件費０１税額_34">#REF!</definedName>
    <definedName name="物件費０１税額_35">#REF!</definedName>
    <definedName name="物件費０１税額_36">#REF!</definedName>
    <definedName name="物件費０１税額_37">#REF!</definedName>
    <definedName name="物件費０１税額_38">#REF!</definedName>
    <definedName name="物件費０１税額_39">#REF!</definedName>
    <definedName name="物件費０１税額_4">#REF!</definedName>
    <definedName name="物件費０１税額_40">#REF!</definedName>
    <definedName name="物件費０１税額_41">#REF!</definedName>
    <definedName name="物件費０１税額_42">#REF!</definedName>
    <definedName name="物件費０１税額_43">#REF!</definedName>
    <definedName name="物件費０１税額_44">#REF!</definedName>
    <definedName name="物件費０１税額_45">#REF!</definedName>
    <definedName name="物件費０１税額_46">#REF!</definedName>
    <definedName name="物件費０１税額_5">#REF!</definedName>
    <definedName name="物件費０１税額_6">#REF!</definedName>
    <definedName name="物件費０１税額_7">#REF!</definedName>
    <definedName name="物件費０１税額_8">#REF!</definedName>
    <definedName name="物件費０１税額_9">#REF!</definedName>
    <definedName name="物件費０２金額_1">#REF!</definedName>
    <definedName name="物件費０２金額_10">#REF!</definedName>
    <definedName name="物件費０２金額_11">#REF!</definedName>
    <definedName name="物件費０２金額_12">#REF!</definedName>
    <definedName name="物件費０２金額_13">#REF!</definedName>
    <definedName name="物件費０２金額_14">#REF!</definedName>
    <definedName name="物件費０２金額_15">#REF!</definedName>
    <definedName name="物件費０２金額_16">#REF!</definedName>
    <definedName name="物件費０２金額_17">#REF!</definedName>
    <definedName name="物件費０２金額_18">#REF!</definedName>
    <definedName name="物件費０２金額_19">#REF!</definedName>
    <definedName name="物件費０２金額_2">#REF!</definedName>
    <definedName name="物件費０２金額_20">#REF!</definedName>
    <definedName name="物件費０２金額_21">#REF!</definedName>
    <definedName name="物件費０２金額_22">#REF!</definedName>
    <definedName name="物件費０２金額_23">#REF!</definedName>
    <definedName name="物件費０２金額_24">#REF!</definedName>
    <definedName name="物件費０２金額_25">#REF!</definedName>
    <definedName name="物件費０２金額_26">#REF!</definedName>
    <definedName name="物件費０２金額_27">#REF!</definedName>
    <definedName name="物件費０２金額_28">#REF!</definedName>
    <definedName name="物件費０２金額_29">#REF!</definedName>
    <definedName name="物件費０２金額_3">#REF!</definedName>
    <definedName name="物件費０２金額_30">#REF!</definedName>
    <definedName name="物件費０２金額_31">#REF!</definedName>
    <definedName name="物件費０２金額_32">#REF!</definedName>
    <definedName name="物件費０２金額_33">#REF!</definedName>
    <definedName name="物件費０２金額_34">#REF!</definedName>
    <definedName name="物件費０２金額_35">#REF!</definedName>
    <definedName name="物件費０２金額_36">#REF!</definedName>
    <definedName name="物件費０２金額_37">#REF!</definedName>
    <definedName name="物件費０２金額_38">#REF!</definedName>
    <definedName name="物件費０２金額_39">#REF!</definedName>
    <definedName name="物件費０２金額_4">#REF!</definedName>
    <definedName name="物件費０２金額_40">#REF!</definedName>
    <definedName name="物件費０２金額_41">#REF!</definedName>
    <definedName name="物件費０２金額_42">#REF!</definedName>
    <definedName name="物件費０２金額_43">#REF!</definedName>
    <definedName name="物件費０２金額_44">#REF!</definedName>
    <definedName name="物件費０２金額_45">#REF!</definedName>
    <definedName name="物件費０２金額_46">#REF!</definedName>
    <definedName name="物件費０２金額_5">#REF!</definedName>
    <definedName name="物件費０２金額_6">#REF!</definedName>
    <definedName name="物件費０２金額_7">#REF!</definedName>
    <definedName name="物件費０２金額_8">#REF!</definedName>
    <definedName name="物件費０２金額_9">#REF!</definedName>
    <definedName name="物件費０２税額_1">#REF!</definedName>
    <definedName name="物件費０２税額_10">#REF!</definedName>
    <definedName name="物件費０２税額_11">#REF!</definedName>
    <definedName name="物件費０２税額_12">#REF!</definedName>
    <definedName name="物件費０２税額_13">#REF!</definedName>
    <definedName name="物件費０２税額_14">#REF!</definedName>
    <definedName name="物件費０２税額_15">#REF!</definedName>
    <definedName name="物件費０２税額_16">#REF!</definedName>
    <definedName name="物件費０２税額_17">#REF!</definedName>
    <definedName name="物件費０２税額_18">#REF!</definedName>
    <definedName name="物件費０２税額_19">#REF!</definedName>
    <definedName name="物件費０２税額_2">#REF!</definedName>
    <definedName name="物件費０２税額_20">#REF!</definedName>
    <definedName name="物件費０２税額_21">#REF!</definedName>
    <definedName name="物件費０２税額_22">#REF!</definedName>
    <definedName name="物件費０２税額_23">#REF!</definedName>
    <definedName name="物件費０２税額_24">#REF!</definedName>
    <definedName name="物件費０２税額_25">#REF!</definedName>
    <definedName name="物件費０２税額_26">#REF!</definedName>
    <definedName name="物件費０２税額_27">#REF!</definedName>
    <definedName name="物件費０２税額_28">#REF!</definedName>
    <definedName name="物件費０２税額_29">#REF!</definedName>
    <definedName name="物件費０２税額_3">#REF!</definedName>
    <definedName name="物件費０２税額_30">#REF!</definedName>
    <definedName name="物件費０２税額_31">#REF!</definedName>
    <definedName name="物件費０２税額_32">#REF!</definedName>
    <definedName name="物件費０２税額_33">#REF!</definedName>
    <definedName name="物件費０２税額_34">#REF!</definedName>
    <definedName name="物件費０２税額_35">#REF!</definedName>
    <definedName name="物件費０２税額_36">#REF!</definedName>
    <definedName name="物件費０２税額_37">#REF!</definedName>
    <definedName name="物件費０２税額_38">#REF!</definedName>
    <definedName name="物件費０２税額_39">#REF!</definedName>
    <definedName name="物件費０２税額_4">#REF!</definedName>
    <definedName name="物件費０２税額_40">#REF!</definedName>
    <definedName name="物件費０２税額_41">#REF!</definedName>
    <definedName name="物件費０２税額_42">#REF!</definedName>
    <definedName name="物件費０２税額_43">#REF!</definedName>
    <definedName name="物件費０２税額_44">#REF!</definedName>
    <definedName name="物件費０２税額_45">#REF!</definedName>
    <definedName name="物件費０２税額_46">#REF!</definedName>
    <definedName name="物件費０２税額_5">#REF!</definedName>
    <definedName name="物件費０２税額_6">#REF!</definedName>
    <definedName name="物件費０２税額_7">#REF!</definedName>
    <definedName name="物件費０２税額_8">#REF!</definedName>
    <definedName name="物件費０２税額_9">#REF!</definedName>
    <definedName name="物件費０３金額_1">#REF!</definedName>
    <definedName name="物件費０３金額_10">#REF!</definedName>
    <definedName name="物件費０３金額_11">#REF!</definedName>
    <definedName name="物件費０３金額_12">#REF!</definedName>
    <definedName name="物件費０３金額_13">#REF!</definedName>
    <definedName name="物件費０３金額_14">#REF!</definedName>
    <definedName name="物件費０３金額_15">#REF!</definedName>
    <definedName name="物件費０３金額_16">#REF!</definedName>
    <definedName name="物件費０３金額_17">#REF!</definedName>
    <definedName name="物件費０３金額_18">#REF!</definedName>
    <definedName name="物件費０３金額_19">#REF!</definedName>
    <definedName name="物件費０３金額_2">#REF!</definedName>
    <definedName name="物件費０３金額_20">#REF!</definedName>
    <definedName name="物件費０３金額_21">#REF!</definedName>
    <definedName name="物件費０３金額_22">#REF!</definedName>
    <definedName name="物件費０３金額_23">#REF!</definedName>
    <definedName name="物件費０３金額_24">#REF!</definedName>
    <definedName name="物件費０３金額_25">#REF!</definedName>
    <definedName name="物件費０３金額_26">#REF!</definedName>
    <definedName name="物件費０３金額_27">#REF!</definedName>
    <definedName name="物件費０３金額_28">#REF!</definedName>
    <definedName name="物件費０３金額_29">#REF!</definedName>
    <definedName name="物件費０３金額_3">#REF!</definedName>
    <definedName name="物件費０３金額_30">#REF!</definedName>
    <definedName name="物件費０３金額_31">#REF!</definedName>
    <definedName name="物件費０３金額_32">#REF!</definedName>
    <definedName name="物件費０３金額_33">#REF!</definedName>
    <definedName name="物件費０３金額_34">#REF!</definedName>
    <definedName name="物件費０３金額_35">#REF!</definedName>
    <definedName name="物件費０３金額_36">#REF!</definedName>
    <definedName name="物件費０３金額_37">#REF!</definedName>
    <definedName name="物件費０３金額_38">#REF!</definedName>
    <definedName name="物件費０３金額_39">#REF!</definedName>
    <definedName name="物件費０３金額_4">#REF!</definedName>
    <definedName name="物件費０３金額_40">#REF!</definedName>
    <definedName name="物件費０３金額_41">#REF!</definedName>
    <definedName name="物件費０３金額_42">#REF!</definedName>
    <definedName name="物件費０３金額_43">#REF!</definedName>
    <definedName name="物件費０３金額_44">#REF!</definedName>
    <definedName name="物件費０３金額_45">#REF!</definedName>
    <definedName name="物件費０３金額_46">#REF!</definedName>
    <definedName name="物件費０３金額_5">#REF!</definedName>
    <definedName name="物件費０３金額_6">#REF!</definedName>
    <definedName name="物件費０３金額_7">#REF!</definedName>
    <definedName name="物件費０３金額_8">#REF!</definedName>
    <definedName name="物件費０３金額_9">#REF!</definedName>
    <definedName name="物件費０３税額_1">#REF!</definedName>
    <definedName name="物件費０３税額_10">#REF!</definedName>
    <definedName name="物件費０３税額_11">#REF!</definedName>
    <definedName name="物件費０３税額_12">#REF!</definedName>
    <definedName name="物件費０３税額_13">#REF!</definedName>
    <definedName name="物件費０３税額_14">#REF!</definedName>
    <definedName name="物件費０３税額_15">#REF!</definedName>
    <definedName name="物件費０３税額_16">#REF!</definedName>
    <definedName name="物件費０３税額_17">#REF!</definedName>
    <definedName name="物件費０３税額_18">#REF!</definedName>
    <definedName name="物件費０３税額_19">#REF!</definedName>
    <definedName name="物件費０３税額_2">#REF!</definedName>
    <definedName name="物件費０３税額_20">#REF!</definedName>
    <definedName name="物件費０３税額_21">#REF!</definedName>
    <definedName name="物件費０３税額_22">#REF!</definedName>
    <definedName name="物件費０３税額_23">#REF!</definedName>
    <definedName name="物件費０３税額_24">#REF!</definedName>
    <definedName name="物件費０３税額_25">#REF!</definedName>
    <definedName name="物件費０３税額_26">#REF!</definedName>
    <definedName name="物件費０３税額_27">#REF!</definedName>
    <definedName name="物件費０３税額_28">#REF!</definedName>
    <definedName name="物件費０３税額_29">#REF!</definedName>
    <definedName name="物件費０３税額_3">#REF!</definedName>
    <definedName name="物件費０３税額_30">#REF!</definedName>
    <definedName name="物件費０３税額_31">#REF!</definedName>
    <definedName name="物件費０３税額_32">#REF!</definedName>
    <definedName name="物件費０３税額_33">#REF!</definedName>
    <definedName name="物件費０３税額_34">#REF!</definedName>
    <definedName name="物件費０３税額_35">#REF!</definedName>
    <definedName name="物件費０３税額_36">#REF!</definedName>
    <definedName name="物件費０３税額_37">#REF!</definedName>
    <definedName name="物件費０３税額_38">#REF!</definedName>
    <definedName name="物件費０３税額_39">#REF!</definedName>
    <definedName name="物件費０３税額_4">#REF!</definedName>
    <definedName name="物件費０３税額_40">#REF!</definedName>
    <definedName name="物件費０３税額_41">#REF!</definedName>
    <definedName name="物件費０３税額_42">#REF!</definedName>
    <definedName name="物件費０３税額_43">#REF!</definedName>
    <definedName name="物件費０３税額_44">#REF!</definedName>
    <definedName name="物件費０３税額_45">#REF!</definedName>
    <definedName name="物件費０３税額_46">#REF!</definedName>
    <definedName name="物件費０３税額_5">#REF!</definedName>
    <definedName name="物件費０３税額_6">#REF!</definedName>
    <definedName name="物件費０３税額_7">#REF!</definedName>
    <definedName name="物件費０３税額_8">#REF!</definedName>
    <definedName name="物件費０３税額_9">#REF!</definedName>
    <definedName name="物件費０４金額_1">#REF!</definedName>
    <definedName name="物件費０４金額_10">#REF!</definedName>
    <definedName name="物件費０４金額_11">#REF!</definedName>
    <definedName name="物件費０４金額_12">#REF!</definedName>
    <definedName name="物件費０４金額_13">#REF!</definedName>
    <definedName name="物件費０４金額_14">#REF!</definedName>
    <definedName name="物件費０４金額_15">#REF!</definedName>
    <definedName name="物件費０４金額_16">#REF!</definedName>
    <definedName name="物件費０４金額_17">#REF!</definedName>
    <definedName name="物件費０４金額_18">#REF!</definedName>
    <definedName name="物件費０４金額_19">#REF!</definedName>
    <definedName name="物件費０４金額_2">#REF!</definedName>
    <definedName name="物件費０４金額_20">#REF!</definedName>
    <definedName name="物件費０４金額_21">#REF!</definedName>
    <definedName name="物件費０４金額_22">#REF!</definedName>
    <definedName name="物件費０４金額_23">#REF!</definedName>
    <definedName name="物件費０４金額_24">#REF!</definedName>
    <definedName name="物件費０４金額_25">#REF!</definedName>
    <definedName name="物件費０４金額_26">#REF!</definedName>
    <definedName name="物件費０４金額_27">#REF!</definedName>
    <definedName name="物件費０４金額_28">#REF!</definedName>
    <definedName name="物件費０４金額_29">#REF!</definedName>
    <definedName name="物件費０４金額_3">#REF!</definedName>
    <definedName name="物件費０４金額_30">#REF!</definedName>
    <definedName name="物件費０４金額_31">#REF!</definedName>
    <definedName name="物件費０４金額_32">#REF!</definedName>
    <definedName name="物件費０４金額_33">#REF!</definedName>
    <definedName name="物件費０４金額_34">#REF!</definedName>
    <definedName name="物件費０４金額_35">#REF!</definedName>
    <definedName name="物件費０４金額_36">#REF!</definedName>
    <definedName name="物件費０４金額_37">#REF!</definedName>
    <definedName name="物件費０４金額_38">#REF!</definedName>
    <definedName name="物件費０４金額_39">#REF!</definedName>
    <definedName name="物件費０４金額_4">#REF!</definedName>
    <definedName name="物件費０４金額_40">#REF!</definedName>
    <definedName name="物件費０４金額_41">#REF!</definedName>
    <definedName name="物件費０４金額_42">#REF!</definedName>
    <definedName name="物件費０４金額_43">#REF!</definedName>
    <definedName name="物件費０４金額_44">#REF!</definedName>
    <definedName name="物件費０４金額_45">#REF!</definedName>
    <definedName name="物件費０４金額_46">#REF!</definedName>
    <definedName name="物件費０４金額_5">#REF!</definedName>
    <definedName name="物件費０４金額_6">#REF!</definedName>
    <definedName name="物件費０４金額_7">#REF!</definedName>
    <definedName name="物件費０４金額_8">#REF!</definedName>
    <definedName name="物件費０４金額_9">#REF!</definedName>
    <definedName name="物件費０４税額_1">#REF!</definedName>
    <definedName name="物件費０４税額_10">#REF!</definedName>
    <definedName name="物件費０４税額_11">#REF!</definedName>
    <definedName name="物件費０４税額_12">#REF!</definedName>
    <definedName name="物件費０４税額_13">#REF!</definedName>
    <definedName name="物件費０４税額_14">#REF!</definedName>
    <definedName name="物件費０４税額_15">#REF!</definedName>
    <definedName name="物件費０４税額_16">#REF!</definedName>
    <definedName name="物件費０４税額_17">#REF!</definedName>
    <definedName name="物件費０４税額_18">#REF!</definedName>
    <definedName name="物件費０４税額_19">#REF!</definedName>
    <definedName name="物件費０４税額_2">#REF!</definedName>
    <definedName name="物件費０４税額_20">#REF!</definedName>
    <definedName name="物件費０４税額_21">#REF!</definedName>
    <definedName name="物件費０４税額_22">#REF!</definedName>
    <definedName name="物件費０４税額_23">#REF!</definedName>
    <definedName name="物件費０４税額_24">#REF!</definedName>
    <definedName name="物件費０４税額_25">#REF!</definedName>
    <definedName name="物件費０４税額_26">#REF!</definedName>
    <definedName name="物件費０４税額_27">#REF!</definedName>
    <definedName name="物件費０４税額_28">#REF!</definedName>
    <definedName name="物件費０４税額_29">#REF!</definedName>
    <definedName name="物件費０４税額_3">#REF!</definedName>
    <definedName name="物件費０４税額_30">#REF!</definedName>
    <definedName name="物件費０４税額_31">#REF!</definedName>
    <definedName name="物件費０４税額_32">#REF!</definedName>
    <definedName name="物件費０４税額_33">#REF!</definedName>
    <definedName name="物件費０４税額_34">#REF!</definedName>
    <definedName name="物件費０４税額_35">#REF!</definedName>
    <definedName name="物件費０４税額_36">#REF!</definedName>
    <definedName name="物件費０４税額_37">#REF!</definedName>
    <definedName name="物件費０４税額_38">#REF!</definedName>
    <definedName name="物件費０４税額_39">#REF!</definedName>
    <definedName name="物件費０４税額_4">#REF!</definedName>
    <definedName name="物件費０４税額_40">#REF!</definedName>
    <definedName name="物件費０４税額_41">#REF!</definedName>
    <definedName name="物件費０４税額_42">#REF!</definedName>
    <definedName name="物件費０４税額_43">#REF!</definedName>
    <definedName name="物件費０４税額_44">#REF!</definedName>
    <definedName name="物件費０４税額_45">#REF!</definedName>
    <definedName name="物件費０４税額_46">#REF!</definedName>
    <definedName name="物件費０４税額_5">#REF!</definedName>
    <definedName name="物件費０４税額_6">#REF!</definedName>
    <definedName name="物件費０４税額_7">#REF!</definedName>
    <definedName name="物件費０４税額_8">#REF!</definedName>
    <definedName name="物件費０４税額_9">#REF!</definedName>
    <definedName name="物件費０５金額_1">#REF!</definedName>
    <definedName name="物件費０５金額_10">#REF!</definedName>
    <definedName name="物件費０５金額_11">#REF!</definedName>
    <definedName name="物件費０５金額_12">#REF!</definedName>
    <definedName name="物件費０５金額_13">#REF!</definedName>
    <definedName name="物件費０５金額_14">#REF!</definedName>
    <definedName name="物件費０５金額_15">#REF!</definedName>
    <definedName name="物件費０５金額_16">#REF!</definedName>
    <definedName name="物件費０５金額_17">#REF!</definedName>
    <definedName name="物件費０５金額_18">#REF!</definedName>
    <definedName name="物件費０５金額_19">#REF!</definedName>
    <definedName name="物件費０５金額_2">#REF!</definedName>
    <definedName name="物件費０５金額_20">#REF!</definedName>
    <definedName name="物件費０５金額_21">#REF!</definedName>
    <definedName name="物件費０５金額_22">#REF!</definedName>
    <definedName name="物件費０５金額_23">#REF!</definedName>
    <definedName name="物件費０５金額_24">#REF!</definedName>
    <definedName name="物件費０５金額_25">#REF!</definedName>
    <definedName name="物件費０５金額_26">#REF!</definedName>
    <definedName name="物件費０５金額_27">#REF!</definedName>
    <definedName name="物件費０５金額_28">#REF!</definedName>
    <definedName name="物件費０５金額_29">#REF!</definedName>
    <definedName name="物件費０５金額_3">#REF!</definedName>
    <definedName name="物件費０５金額_30">#REF!</definedName>
    <definedName name="物件費０５金額_31">#REF!</definedName>
    <definedName name="物件費０５金額_32">#REF!</definedName>
    <definedName name="物件費０５金額_33">#REF!</definedName>
    <definedName name="物件費０５金額_34">#REF!</definedName>
    <definedName name="物件費０５金額_35">#REF!</definedName>
    <definedName name="物件費０５金額_36">#REF!</definedName>
    <definedName name="物件費０５金額_37">#REF!</definedName>
    <definedName name="物件費０５金額_38">#REF!</definedName>
    <definedName name="物件費０５金額_39">#REF!</definedName>
    <definedName name="物件費０５金額_4">#REF!</definedName>
    <definedName name="物件費０５金額_40">#REF!</definedName>
    <definedName name="物件費０５金額_41">#REF!</definedName>
    <definedName name="物件費０５金額_42">#REF!</definedName>
    <definedName name="物件費０５金額_43">#REF!</definedName>
    <definedName name="物件費０５金額_44">#REF!</definedName>
    <definedName name="物件費０５金額_45">#REF!</definedName>
    <definedName name="物件費０５金額_46">#REF!</definedName>
    <definedName name="物件費０５金額_5">#REF!</definedName>
    <definedName name="物件費０５金額_6">#REF!</definedName>
    <definedName name="物件費０５金額_7">#REF!</definedName>
    <definedName name="物件費０５金額_8">#REF!</definedName>
    <definedName name="物件費０５金額_9">#REF!</definedName>
    <definedName name="物件費０５税額_1">#REF!</definedName>
    <definedName name="物件費０５税額_10">#REF!</definedName>
    <definedName name="物件費０５税額_11">#REF!</definedName>
    <definedName name="物件費０５税額_12">#REF!</definedName>
    <definedName name="物件費０５税額_13">#REF!</definedName>
    <definedName name="物件費０５税額_14">#REF!</definedName>
    <definedName name="物件費０５税額_15">#REF!</definedName>
    <definedName name="物件費０５税額_16">#REF!</definedName>
    <definedName name="物件費０５税額_17">#REF!</definedName>
    <definedName name="物件費０５税額_18">#REF!</definedName>
    <definedName name="物件費０５税額_19">#REF!</definedName>
    <definedName name="物件費０５税額_2">#REF!</definedName>
    <definedName name="物件費０５税額_20">#REF!</definedName>
    <definedName name="物件費０５税額_21">#REF!</definedName>
    <definedName name="物件費０５税額_22">#REF!</definedName>
    <definedName name="物件費０５税額_23">#REF!</definedName>
    <definedName name="物件費０５税額_24">#REF!</definedName>
    <definedName name="物件費０５税額_25">#REF!</definedName>
    <definedName name="物件費０５税額_26">#REF!</definedName>
    <definedName name="物件費０５税額_27">#REF!</definedName>
    <definedName name="物件費０５税額_28">#REF!</definedName>
    <definedName name="物件費０５税額_29">#REF!</definedName>
    <definedName name="物件費０５税額_3">#REF!</definedName>
    <definedName name="物件費０５税額_30">#REF!</definedName>
    <definedName name="物件費０５税額_31">#REF!</definedName>
    <definedName name="物件費０５税額_32">#REF!</definedName>
    <definedName name="物件費０５税額_33">#REF!</definedName>
    <definedName name="物件費０５税額_34">#REF!</definedName>
    <definedName name="物件費０５税額_35">#REF!</definedName>
    <definedName name="物件費０５税額_36">#REF!</definedName>
    <definedName name="物件費０５税額_37">#REF!</definedName>
    <definedName name="物件費０５税額_38">#REF!</definedName>
    <definedName name="物件費０５税額_39">#REF!</definedName>
    <definedName name="物件費０５税額_4">#REF!</definedName>
    <definedName name="物件費０５税額_40">#REF!</definedName>
    <definedName name="物件費０５税額_41">#REF!</definedName>
    <definedName name="物件費０５税額_42">#REF!</definedName>
    <definedName name="物件費０５税額_43">#REF!</definedName>
    <definedName name="物件費０５税額_44">#REF!</definedName>
    <definedName name="物件費０５税額_45">#REF!</definedName>
    <definedName name="物件費０５税額_46">#REF!</definedName>
    <definedName name="物件費０５税額_5">#REF!</definedName>
    <definedName name="物件費０５税額_6">#REF!</definedName>
    <definedName name="物件費０５税額_7">#REF!</definedName>
    <definedName name="物件費０５税額_8">#REF!</definedName>
    <definedName name="物件費０５税額_9">#REF!</definedName>
    <definedName name="物件費０６金額_1">#REF!</definedName>
    <definedName name="物件費０６金額_10">#REF!</definedName>
    <definedName name="物件費０６金額_11">#REF!</definedName>
    <definedName name="物件費０６金額_12">#REF!</definedName>
    <definedName name="物件費０６金額_13">#REF!</definedName>
    <definedName name="物件費０６金額_14">#REF!</definedName>
    <definedName name="物件費０６金額_15">#REF!</definedName>
    <definedName name="物件費０６金額_16">#REF!</definedName>
    <definedName name="物件費０６金額_17">#REF!</definedName>
    <definedName name="物件費０６金額_18">#REF!</definedName>
    <definedName name="物件費０６金額_19">#REF!</definedName>
    <definedName name="物件費０６金額_2">#REF!</definedName>
    <definedName name="物件費０６金額_20">#REF!</definedName>
    <definedName name="物件費０６金額_21">#REF!</definedName>
    <definedName name="物件費０６金額_22">#REF!</definedName>
    <definedName name="物件費０６金額_23">#REF!</definedName>
    <definedName name="物件費０６金額_24">#REF!</definedName>
    <definedName name="物件費０６金額_25">#REF!</definedName>
    <definedName name="物件費０６金額_26">#REF!</definedName>
    <definedName name="物件費０６金額_27">#REF!</definedName>
    <definedName name="物件費０６金額_28">#REF!</definedName>
    <definedName name="物件費０６金額_29">#REF!</definedName>
    <definedName name="物件費０６金額_3">#REF!</definedName>
    <definedName name="物件費０６金額_30">#REF!</definedName>
    <definedName name="物件費０６金額_31">#REF!</definedName>
    <definedName name="物件費０６金額_32">#REF!</definedName>
    <definedName name="物件費０６金額_33">#REF!</definedName>
    <definedName name="物件費０６金額_34">#REF!</definedName>
    <definedName name="物件費０６金額_35">#REF!</definedName>
    <definedName name="物件費０６金額_36">#REF!</definedName>
    <definedName name="物件費０６金額_37">#REF!</definedName>
    <definedName name="物件費０６金額_38">#REF!</definedName>
    <definedName name="物件費０６金額_39">#REF!</definedName>
    <definedName name="物件費０６金額_4">#REF!</definedName>
    <definedName name="物件費０６金額_40">#REF!</definedName>
    <definedName name="物件費０６金額_41">#REF!</definedName>
    <definedName name="物件費０６金額_42">#REF!</definedName>
    <definedName name="物件費０６金額_43">#REF!</definedName>
    <definedName name="物件費０６金額_44">#REF!</definedName>
    <definedName name="物件費０６金額_45">#REF!</definedName>
    <definedName name="物件費０６金額_46">#REF!</definedName>
    <definedName name="物件費０６金額_5">#REF!</definedName>
    <definedName name="物件費０６金額_6">#REF!</definedName>
    <definedName name="物件費０６金額_7">#REF!</definedName>
    <definedName name="物件費０６金額_8">#REF!</definedName>
    <definedName name="物件費０６金額_9">#REF!</definedName>
    <definedName name="物件費０６税額_1">#REF!</definedName>
    <definedName name="物件費０６税額_10">#REF!</definedName>
    <definedName name="物件費０６税額_11">#REF!</definedName>
    <definedName name="物件費０６税額_12">#REF!</definedName>
    <definedName name="物件費０６税額_13">#REF!</definedName>
    <definedName name="物件費０６税額_14">#REF!</definedName>
    <definedName name="物件費０６税額_15">#REF!</definedName>
    <definedName name="物件費０６税額_16">#REF!</definedName>
    <definedName name="物件費０６税額_17">#REF!</definedName>
    <definedName name="物件費０６税額_18">#REF!</definedName>
    <definedName name="物件費０６税額_19">#REF!</definedName>
    <definedName name="物件費０６税額_2">#REF!</definedName>
    <definedName name="物件費０６税額_20">#REF!</definedName>
    <definedName name="物件費０６税額_21">#REF!</definedName>
    <definedName name="物件費０６税額_22">#REF!</definedName>
    <definedName name="物件費０６税額_23">#REF!</definedName>
    <definedName name="物件費０６税額_24">#REF!</definedName>
    <definedName name="物件費０６税額_25">#REF!</definedName>
    <definedName name="物件費０６税額_26">#REF!</definedName>
    <definedName name="物件費０６税額_27">#REF!</definedName>
    <definedName name="物件費０６税額_28">#REF!</definedName>
    <definedName name="物件費０６税額_29">#REF!</definedName>
    <definedName name="物件費０６税額_3">#REF!</definedName>
    <definedName name="物件費０６税額_30">#REF!</definedName>
    <definedName name="物件費０６税額_31">#REF!</definedName>
    <definedName name="物件費０６税額_32">#REF!</definedName>
    <definedName name="物件費０６税額_33">#REF!</definedName>
    <definedName name="物件費０６税額_34">#REF!</definedName>
    <definedName name="物件費０６税額_35">#REF!</definedName>
    <definedName name="物件費０６税額_36">#REF!</definedName>
    <definedName name="物件費０６税額_37">#REF!</definedName>
    <definedName name="物件費０６税額_38">#REF!</definedName>
    <definedName name="物件費０６税額_39">#REF!</definedName>
    <definedName name="物件費０６税額_4">#REF!</definedName>
    <definedName name="物件費０６税額_40">#REF!</definedName>
    <definedName name="物件費０６税額_41">#REF!</definedName>
    <definedName name="物件費０６税額_42">#REF!</definedName>
    <definedName name="物件費０６税額_43">#REF!</definedName>
    <definedName name="物件費０６税額_44">#REF!</definedName>
    <definedName name="物件費０６税額_45">#REF!</definedName>
    <definedName name="物件費０６税額_46">#REF!</definedName>
    <definedName name="物件費０６税額_5">#REF!</definedName>
    <definedName name="物件費０６税額_6">#REF!</definedName>
    <definedName name="物件費０６税額_7">#REF!</definedName>
    <definedName name="物件費０６税額_8">#REF!</definedName>
    <definedName name="物件費０６税額_9">#REF!</definedName>
    <definedName name="物件費０７金額_1">#REF!</definedName>
    <definedName name="物件費０７金額_10">#REF!</definedName>
    <definedName name="物件費０７金額_11">#REF!</definedName>
    <definedName name="物件費０７金額_12">#REF!</definedName>
    <definedName name="物件費０７金額_13">#REF!</definedName>
    <definedName name="物件費０７金額_14">#REF!</definedName>
    <definedName name="物件費０７金額_15">#REF!</definedName>
    <definedName name="物件費０７金額_16">#REF!</definedName>
    <definedName name="物件費０７金額_17">#REF!</definedName>
    <definedName name="物件費０７金額_18">#REF!</definedName>
    <definedName name="物件費０７金額_19">#REF!</definedName>
    <definedName name="物件費０７金額_2">#REF!</definedName>
    <definedName name="物件費０７金額_20">#REF!</definedName>
    <definedName name="物件費０７金額_21">#REF!</definedName>
    <definedName name="物件費０７金額_22">#REF!</definedName>
    <definedName name="物件費０７金額_23">#REF!</definedName>
    <definedName name="物件費０７金額_24">#REF!</definedName>
    <definedName name="物件費０７金額_25">#REF!</definedName>
    <definedName name="物件費０７金額_26">#REF!</definedName>
    <definedName name="物件費０７金額_27">#REF!</definedName>
    <definedName name="物件費０７金額_28">#REF!</definedName>
    <definedName name="物件費０７金額_29">#REF!</definedName>
    <definedName name="物件費０７金額_3">#REF!</definedName>
    <definedName name="物件費０７金額_30">#REF!</definedName>
    <definedName name="物件費０７金額_31">#REF!</definedName>
    <definedName name="物件費０７金額_32">#REF!</definedName>
    <definedName name="物件費０７金額_33">#REF!</definedName>
    <definedName name="物件費０７金額_34">#REF!</definedName>
    <definedName name="物件費０７金額_35">#REF!</definedName>
    <definedName name="物件費０７金額_36">#REF!</definedName>
    <definedName name="物件費０７金額_37">#REF!</definedName>
    <definedName name="物件費０７金額_38">#REF!</definedName>
    <definedName name="物件費０７金額_39">#REF!</definedName>
    <definedName name="物件費０７金額_4">#REF!</definedName>
    <definedName name="物件費０７金額_40">#REF!</definedName>
    <definedName name="物件費０７金額_41">#REF!</definedName>
    <definedName name="物件費０７金額_42">#REF!</definedName>
    <definedName name="物件費０７金額_43">#REF!</definedName>
    <definedName name="物件費０７金額_44">#REF!</definedName>
    <definedName name="物件費０７金額_45">#REF!</definedName>
    <definedName name="物件費０７金額_46">#REF!</definedName>
    <definedName name="物件費０７金額_5">#REF!</definedName>
    <definedName name="物件費０７金額_6">#REF!</definedName>
    <definedName name="物件費０７金額_7">#REF!</definedName>
    <definedName name="物件費０７金額_8">#REF!</definedName>
    <definedName name="物件費０７金額_9">#REF!</definedName>
    <definedName name="物件費０７税額_1">#REF!</definedName>
    <definedName name="物件費０７税額_10">#REF!</definedName>
    <definedName name="物件費０７税額_11">#REF!</definedName>
    <definedName name="物件費０７税額_12">#REF!</definedName>
    <definedName name="物件費０７税額_13">#REF!</definedName>
    <definedName name="物件費０７税額_14">#REF!</definedName>
    <definedName name="物件費０７税額_15">#REF!</definedName>
    <definedName name="物件費０７税額_16">#REF!</definedName>
    <definedName name="物件費０７税額_17">#REF!</definedName>
    <definedName name="物件費０７税額_18">#REF!</definedName>
    <definedName name="物件費０７税額_19">#REF!</definedName>
    <definedName name="物件費０７税額_2">#REF!</definedName>
    <definedName name="物件費０７税額_20">#REF!</definedName>
    <definedName name="物件費０７税額_21">#REF!</definedName>
    <definedName name="物件費０７税額_22">#REF!</definedName>
    <definedName name="物件費０７税額_23">#REF!</definedName>
    <definedName name="物件費０７税額_24">#REF!</definedName>
    <definedName name="物件費０７税額_25">#REF!</definedName>
    <definedName name="物件費０７税額_26">#REF!</definedName>
    <definedName name="物件費０７税額_27">#REF!</definedName>
    <definedName name="物件費０７税額_28">#REF!</definedName>
    <definedName name="物件費０７税額_29">#REF!</definedName>
    <definedName name="物件費０７税額_3">#REF!</definedName>
    <definedName name="物件費０７税額_30">#REF!</definedName>
    <definedName name="物件費０７税額_31">#REF!</definedName>
    <definedName name="物件費０７税額_32">#REF!</definedName>
    <definedName name="物件費０７税額_33">#REF!</definedName>
    <definedName name="物件費０７税額_34">#REF!</definedName>
    <definedName name="物件費０７税額_35">#REF!</definedName>
    <definedName name="物件費０７税額_36">#REF!</definedName>
    <definedName name="物件費０７税額_37">#REF!</definedName>
    <definedName name="物件費０７税額_38">#REF!</definedName>
    <definedName name="物件費０７税額_39">#REF!</definedName>
    <definedName name="物件費０７税額_4">#REF!</definedName>
    <definedName name="物件費０７税額_40">#REF!</definedName>
    <definedName name="物件費０７税額_41">#REF!</definedName>
    <definedName name="物件費０７税額_42">#REF!</definedName>
    <definedName name="物件費０７税額_43">#REF!</definedName>
    <definedName name="物件費０７税額_44">#REF!</definedName>
    <definedName name="物件費０７税額_45">#REF!</definedName>
    <definedName name="物件費０７税額_46">#REF!</definedName>
    <definedName name="物件費０７税額_5">#REF!</definedName>
    <definedName name="物件費０７税額_6">#REF!</definedName>
    <definedName name="物件費０７税額_7">#REF!</definedName>
    <definedName name="物件費０７税額_8">#REF!</definedName>
    <definedName name="物件費０７税額_9">#REF!</definedName>
    <definedName name="物件費０８金額_1">#REF!</definedName>
    <definedName name="物件費０８金額_10">#REF!</definedName>
    <definedName name="物件費０８金額_11">#REF!</definedName>
    <definedName name="物件費０８金額_12">#REF!</definedName>
    <definedName name="物件費０８金額_13">#REF!</definedName>
    <definedName name="物件費０８金額_14">#REF!</definedName>
    <definedName name="物件費０８金額_15">#REF!</definedName>
    <definedName name="物件費０８金額_16">#REF!</definedName>
    <definedName name="物件費０８金額_17">#REF!</definedName>
    <definedName name="物件費０８金額_18">#REF!</definedName>
    <definedName name="物件費０８金額_19">#REF!</definedName>
    <definedName name="物件費０８金額_2">#REF!</definedName>
    <definedName name="物件費０８金額_20">#REF!</definedName>
    <definedName name="物件費０８金額_21">#REF!</definedName>
    <definedName name="物件費０８金額_22">#REF!</definedName>
    <definedName name="物件費０８金額_23">#REF!</definedName>
    <definedName name="物件費０８金額_24">#REF!</definedName>
    <definedName name="物件費０８金額_25">#REF!</definedName>
    <definedName name="物件費０８金額_26">#REF!</definedName>
    <definedName name="物件費０８金額_27">#REF!</definedName>
    <definedName name="物件費０８金額_28">#REF!</definedName>
    <definedName name="物件費０８金額_29">#REF!</definedName>
    <definedName name="物件費０８金額_3">#REF!</definedName>
    <definedName name="物件費０８金額_30">#REF!</definedName>
    <definedName name="物件費０８金額_31">#REF!</definedName>
    <definedName name="物件費０８金額_32">#REF!</definedName>
    <definedName name="物件費０８金額_33">#REF!</definedName>
    <definedName name="物件費０８金額_34">#REF!</definedName>
    <definedName name="物件費０８金額_35">#REF!</definedName>
    <definedName name="物件費０８金額_36">#REF!</definedName>
    <definedName name="物件費０８金額_37">#REF!</definedName>
    <definedName name="物件費０８金額_38">#REF!</definedName>
    <definedName name="物件費０８金額_39">#REF!</definedName>
    <definedName name="物件費０８金額_4">#REF!</definedName>
    <definedName name="物件費０８金額_40">#REF!</definedName>
    <definedName name="物件費０８金額_41">#REF!</definedName>
    <definedName name="物件費０８金額_42">#REF!</definedName>
    <definedName name="物件費０８金額_43">#REF!</definedName>
    <definedName name="物件費０８金額_44">#REF!</definedName>
    <definedName name="物件費０８金額_45">#REF!</definedName>
    <definedName name="物件費０８金額_46">#REF!</definedName>
    <definedName name="物件費０８金額_5">#REF!</definedName>
    <definedName name="物件費０８金額_6">#REF!</definedName>
    <definedName name="物件費０８金額_7">#REF!</definedName>
    <definedName name="物件費０８金額_8">#REF!</definedName>
    <definedName name="物件費０８金額_9">#REF!</definedName>
    <definedName name="物件費０８税額_1">#REF!</definedName>
    <definedName name="物件費０８税額_10">#REF!</definedName>
    <definedName name="物件費０８税額_11">#REF!</definedName>
    <definedName name="物件費０８税額_12">#REF!</definedName>
    <definedName name="物件費０８税額_13">#REF!</definedName>
    <definedName name="物件費０８税額_14">#REF!</definedName>
    <definedName name="物件費０８税額_15">#REF!</definedName>
    <definedName name="物件費０８税額_16">#REF!</definedName>
    <definedName name="物件費０８税額_17">#REF!</definedName>
    <definedName name="物件費０８税額_18">#REF!</definedName>
    <definedName name="物件費０８税額_19">#REF!</definedName>
    <definedName name="物件費０８税額_2">#REF!</definedName>
    <definedName name="物件費０８税額_20">#REF!</definedName>
    <definedName name="物件費０８税額_21">#REF!</definedName>
    <definedName name="物件費０８税額_22">#REF!</definedName>
    <definedName name="物件費０８税額_23">#REF!</definedName>
    <definedName name="物件費０８税額_24">#REF!</definedName>
    <definedName name="物件費０８税額_25">#REF!</definedName>
    <definedName name="物件費０８税額_26">#REF!</definedName>
    <definedName name="物件費０８税額_27">#REF!</definedName>
    <definedName name="物件費０８税額_28">#REF!</definedName>
    <definedName name="物件費０８税額_29">#REF!</definedName>
    <definedName name="物件費０８税額_3">#REF!</definedName>
    <definedName name="物件費０８税額_30">#REF!</definedName>
    <definedName name="物件費０８税額_31">#REF!</definedName>
    <definedName name="物件費０８税額_32">#REF!</definedName>
    <definedName name="物件費０８税額_33">#REF!</definedName>
    <definedName name="物件費０８税額_34">#REF!</definedName>
    <definedName name="物件費０８税額_35">#REF!</definedName>
    <definedName name="物件費０８税額_36">#REF!</definedName>
    <definedName name="物件費０８税額_37">#REF!</definedName>
    <definedName name="物件費０８税額_38">#REF!</definedName>
    <definedName name="物件費０８税額_39">#REF!</definedName>
    <definedName name="物件費０８税額_4">#REF!</definedName>
    <definedName name="物件費０８税額_40">#REF!</definedName>
    <definedName name="物件費０８税額_41">#REF!</definedName>
    <definedName name="物件費０８税額_42">#REF!</definedName>
    <definedName name="物件費０８税額_43">#REF!</definedName>
    <definedName name="物件費０８税額_44">#REF!</definedName>
    <definedName name="物件費０８税額_45">#REF!</definedName>
    <definedName name="物件費０８税額_46">#REF!</definedName>
    <definedName name="物件費０８税額_5">#REF!</definedName>
    <definedName name="物件費０８税額_6">#REF!</definedName>
    <definedName name="物件費０８税額_7">#REF!</definedName>
    <definedName name="物件費０８税額_8">#REF!</definedName>
    <definedName name="物件費０８税額_9">#REF!</definedName>
    <definedName name="物件費０９金額_1">#REF!</definedName>
    <definedName name="物件費０９金額_10">#REF!</definedName>
    <definedName name="物件費０９金額_11">#REF!</definedName>
    <definedName name="物件費０９金額_12">#REF!</definedName>
    <definedName name="物件費０９金額_13">#REF!</definedName>
    <definedName name="物件費０９金額_14">#REF!</definedName>
    <definedName name="物件費０９金額_15">#REF!</definedName>
    <definedName name="物件費０９金額_16">#REF!</definedName>
    <definedName name="物件費０９金額_17">#REF!</definedName>
    <definedName name="物件費０９金額_18">#REF!</definedName>
    <definedName name="物件費０９金額_19">#REF!</definedName>
    <definedName name="物件費０９金額_2">#REF!</definedName>
    <definedName name="物件費０９金額_20">#REF!</definedName>
    <definedName name="物件費０９金額_21">#REF!</definedName>
    <definedName name="物件費０９金額_22">#REF!</definedName>
    <definedName name="物件費０９金額_23">#REF!</definedName>
    <definedName name="物件費０９金額_24">#REF!</definedName>
    <definedName name="物件費０９金額_25">#REF!</definedName>
    <definedName name="物件費０９金額_26">#REF!</definedName>
    <definedName name="物件費０９金額_27">#REF!</definedName>
    <definedName name="物件費０９金額_28">#REF!</definedName>
    <definedName name="物件費０９金額_29">#REF!</definedName>
    <definedName name="物件費０９金額_3">#REF!</definedName>
    <definedName name="物件費０９金額_30">#REF!</definedName>
    <definedName name="物件費０９金額_31">#REF!</definedName>
    <definedName name="物件費０９金額_32">#REF!</definedName>
    <definedName name="物件費０９金額_33">#REF!</definedName>
    <definedName name="物件費０９金額_34">#REF!</definedName>
    <definedName name="物件費０９金額_35">#REF!</definedName>
    <definedName name="物件費０９金額_36">#REF!</definedName>
    <definedName name="物件費０９金額_37">#REF!</definedName>
    <definedName name="物件費０９金額_38">#REF!</definedName>
    <definedName name="物件費０９金額_39">#REF!</definedName>
    <definedName name="物件費０９金額_4">#REF!</definedName>
    <definedName name="物件費０９金額_40">#REF!</definedName>
    <definedName name="物件費０９金額_41">#REF!</definedName>
    <definedName name="物件費０９金額_42">#REF!</definedName>
    <definedName name="物件費０９金額_43">#REF!</definedName>
    <definedName name="物件費０９金額_44">#REF!</definedName>
    <definedName name="物件費０９金額_45">#REF!</definedName>
    <definedName name="物件費０９金額_46">#REF!</definedName>
    <definedName name="物件費０９金額_5">#REF!</definedName>
    <definedName name="物件費０９金額_6">#REF!</definedName>
    <definedName name="物件費０９金額_7">#REF!</definedName>
    <definedName name="物件費０９金額_8">#REF!</definedName>
    <definedName name="物件費０９金額_9">#REF!</definedName>
    <definedName name="物件費０９税額_1">#REF!</definedName>
    <definedName name="物件費０９税額_10">#REF!</definedName>
    <definedName name="物件費０９税額_11">#REF!</definedName>
    <definedName name="物件費０９税額_12">#REF!</definedName>
    <definedName name="物件費０９税額_13">#REF!</definedName>
    <definedName name="物件費０９税額_14">#REF!</definedName>
    <definedName name="物件費０９税額_15">#REF!</definedName>
    <definedName name="物件費０９税額_16">#REF!</definedName>
    <definedName name="物件費０９税額_17">#REF!</definedName>
    <definedName name="物件費０９税額_18">#REF!</definedName>
    <definedName name="物件費０９税額_19">#REF!</definedName>
    <definedName name="物件費０９税額_2">#REF!</definedName>
    <definedName name="物件費０９税額_20">#REF!</definedName>
    <definedName name="物件費０９税額_21">#REF!</definedName>
    <definedName name="物件費０９税額_22">#REF!</definedName>
    <definedName name="物件費０９税額_23">#REF!</definedName>
    <definedName name="物件費０９税額_24">#REF!</definedName>
    <definedName name="物件費０９税額_25">#REF!</definedName>
    <definedName name="物件費０９税額_26">#REF!</definedName>
    <definedName name="物件費０９税額_27">#REF!</definedName>
    <definedName name="物件費０９税額_28">#REF!</definedName>
    <definedName name="物件費０９税額_29">#REF!</definedName>
    <definedName name="物件費０９税額_3">#REF!</definedName>
    <definedName name="物件費０９税額_30">#REF!</definedName>
    <definedName name="物件費０９税額_31">#REF!</definedName>
    <definedName name="物件費０９税額_32">#REF!</definedName>
    <definedName name="物件費０９税額_33">#REF!</definedName>
    <definedName name="物件費０９税額_34">#REF!</definedName>
    <definedName name="物件費０９税額_35">#REF!</definedName>
    <definedName name="物件費０９税額_36">#REF!</definedName>
    <definedName name="物件費０９税額_37">#REF!</definedName>
    <definedName name="物件費０９税額_38">#REF!</definedName>
    <definedName name="物件費０９税額_39">#REF!</definedName>
    <definedName name="物件費０９税額_4">#REF!</definedName>
    <definedName name="物件費０９税額_40">#REF!</definedName>
    <definedName name="物件費０９税額_41">#REF!</definedName>
    <definedName name="物件費０９税額_42">#REF!</definedName>
    <definedName name="物件費０９税額_43">#REF!</definedName>
    <definedName name="物件費０９税額_44">#REF!</definedName>
    <definedName name="物件費０９税額_45">#REF!</definedName>
    <definedName name="物件費０９税額_46">#REF!</definedName>
    <definedName name="物件費０９税額_5">#REF!</definedName>
    <definedName name="物件費０９税額_6">#REF!</definedName>
    <definedName name="物件費０９税額_7">#REF!</definedName>
    <definedName name="物件費０９税額_8">#REF!</definedName>
    <definedName name="物件費０９税額_9">#REF!</definedName>
    <definedName name="物件費１０金額_1">#REF!</definedName>
    <definedName name="物件費１０金額_10">#REF!</definedName>
    <definedName name="物件費１０金額_11">#REF!</definedName>
    <definedName name="物件費１０金額_12">#REF!</definedName>
    <definedName name="物件費１０金額_13">#REF!</definedName>
    <definedName name="物件費１０金額_14">#REF!</definedName>
    <definedName name="物件費１０金額_15">#REF!</definedName>
    <definedName name="物件費１０金額_16">#REF!</definedName>
    <definedName name="物件費１０金額_17">#REF!</definedName>
    <definedName name="物件費１０金額_18">#REF!</definedName>
    <definedName name="物件費１０金額_19">#REF!</definedName>
    <definedName name="物件費１０金額_2">#REF!</definedName>
    <definedName name="物件費１０金額_20">#REF!</definedName>
    <definedName name="物件費１０金額_21">#REF!</definedName>
    <definedName name="物件費１０金額_22">#REF!</definedName>
    <definedName name="物件費１０金額_23">#REF!</definedName>
    <definedName name="物件費１０金額_24">#REF!</definedName>
    <definedName name="物件費１０金額_25">#REF!</definedName>
    <definedName name="物件費１０金額_26">#REF!</definedName>
    <definedName name="物件費１０金額_27">#REF!</definedName>
    <definedName name="物件費１０金額_28">#REF!</definedName>
    <definedName name="物件費１０金額_29">#REF!</definedName>
    <definedName name="物件費１０金額_3">#REF!</definedName>
    <definedName name="物件費１０金額_30">#REF!</definedName>
    <definedName name="物件費１０金額_31">#REF!</definedName>
    <definedName name="物件費１０金額_32">#REF!</definedName>
    <definedName name="物件費１０金額_33">#REF!</definedName>
    <definedName name="物件費１０金額_34">#REF!</definedName>
    <definedName name="物件費１０金額_35">#REF!</definedName>
    <definedName name="物件費１０金額_36">#REF!</definedName>
    <definedName name="物件費１０金額_37">#REF!</definedName>
    <definedName name="物件費１０金額_38">#REF!</definedName>
    <definedName name="物件費１０金額_39">#REF!</definedName>
    <definedName name="物件費１０金額_4">#REF!</definedName>
    <definedName name="物件費１０金額_40">#REF!</definedName>
    <definedName name="物件費１０金額_41">#REF!</definedName>
    <definedName name="物件費１０金額_42">#REF!</definedName>
    <definedName name="物件費１０金額_43">#REF!</definedName>
    <definedName name="物件費１０金額_44">#REF!</definedName>
    <definedName name="物件費１０金額_45">#REF!</definedName>
    <definedName name="物件費１０金額_46">#REF!</definedName>
    <definedName name="物件費１０金額_5">#REF!</definedName>
    <definedName name="物件費１０金額_6">#REF!</definedName>
    <definedName name="物件費１０金額_7">#REF!</definedName>
    <definedName name="物件費１０金額_8">#REF!</definedName>
    <definedName name="物件費１０金額_9">#REF!</definedName>
    <definedName name="物件費１０税額_1">#REF!</definedName>
    <definedName name="物件費１０税額_10">#REF!</definedName>
    <definedName name="物件費１０税額_11">#REF!</definedName>
    <definedName name="物件費１０税額_12">#REF!</definedName>
    <definedName name="物件費１０税額_13">#REF!</definedName>
    <definedName name="物件費１０税額_14">#REF!</definedName>
    <definedName name="物件費１０税額_15">#REF!</definedName>
    <definedName name="物件費１０税額_16">#REF!</definedName>
    <definedName name="物件費１０税額_17">#REF!</definedName>
    <definedName name="物件費１０税額_18">#REF!</definedName>
    <definedName name="物件費１０税額_19">#REF!</definedName>
    <definedName name="物件費１０税額_2">#REF!</definedName>
    <definedName name="物件費１０税額_20">#REF!</definedName>
    <definedName name="物件費１０税額_21">#REF!</definedName>
    <definedName name="物件費１０税額_22">#REF!</definedName>
    <definedName name="物件費１０税額_23">#REF!</definedName>
    <definedName name="物件費１０税額_24">#REF!</definedName>
    <definedName name="物件費１０税額_25">#REF!</definedName>
    <definedName name="物件費１０税額_26">#REF!</definedName>
    <definedName name="物件費１０税額_27">#REF!</definedName>
    <definedName name="物件費１０税額_28">#REF!</definedName>
    <definedName name="物件費１０税額_29">#REF!</definedName>
    <definedName name="物件費１０税額_3">#REF!</definedName>
    <definedName name="物件費１０税額_30">#REF!</definedName>
    <definedName name="物件費１０税額_31">#REF!</definedName>
    <definedName name="物件費１０税額_32">#REF!</definedName>
    <definedName name="物件費１０税額_33">#REF!</definedName>
    <definedName name="物件費１０税額_34">#REF!</definedName>
    <definedName name="物件費１０税額_35">#REF!</definedName>
    <definedName name="物件費１０税額_36">#REF!</definedName>
    <definedName name="物件費１０税額_37">#REF!</definedName>
    <definedName name="物件費１０税額_38">#REF!</definedName>
    <definedName name="物件費１０税額_39">#REF!</definedName>
    <definedName name="物件費１０税額_4">#REF!</definedName>
    <definedName name="物件費１０税額_40">#REF!</definedName>
    <definedName name="物件費１０税額_41">#REF!</definedName>
    <definedName name="物件費１０税額_42">#REF!</definedName>
    <definedName name="物件費１０税額_43">#REF!</definedName>
    <definedName name="物件費１０税額_44">#REF!</definedName>
    <definedName name="物件費１０税額_45">#REF!</definedName>
    <definedName name="物件費１０税額_46">#REF!</definedName>
    <definedName name="物件費１０税額_5">#REF!</definedName>
    <definedName name="物件費１０税額_6">#REF!</definedName>
    <definedName name="物件費１０税額_7">#REF!</definedName>
    <definedName name="物件費１０税額_8">#REF!</definedName>
    <definedName name="物件費１０税額_9">#REF!</definedName>
    <definedName name="物件費左記以外金額_1">#REF!</definedName>
    <definedName name="物件費左記以外金額_10">#REF!</definedName>
    <definedName name="物件費左記以外金額_11">#REF!</definedName>
    <definedName name="物件費左記以外金額_12">#REF!</definedName>
    <definedName name="物件費左記以外金額_13">#REF!</definedName>
    <definedName name="物件費左記以外金額_14">#REF!</definedName>
    <definedName name="物件費左記以外金額_15">#REF!</definedName>
    <definedName name="物件費左記以外金額_16">#REF!</definedName>
    <definedName name="物件費左記以外金額_17">#REF!</definedName>
    <definedName name="物件費左記以外金額_18">#REF!</definedName>
    <definedName name="物件費左記以外金額_19">#REF!</definedName>
    <definedName name="物件費左記以外金額_2">#REF!</definedName>
    <definedName name="物件費左記以外金額_20">#REF!</definedName>
    <definedName name="物件費左記以外金額_21">#REF!</definedName>
    <definedName name="物件費左記以外金額_22">#REF!</definedName>
    <definedName name="物件費左記以外金額_23">#REF!</definedName>
    <definedName name="物件費左記以外金額_24">#REF!</definedName>
    <definedName name="物件費左記以外金額_25">#REF!</definedName>
    <definedName name="物件費左記以外金額_26">#REF!</definedName>
    <definedName name="物件費左記以外金額_27">#REF!</definedName>
    <definedName name="物件費左記以外金額_28">#REF!</definedName>
    <definedName name="物件費左記以外金額_29">#REF!</definedName>
    <definedName name="物件費左記以外金額_3">#REF!</definedName>
    <definedName name="物件費左記以外金額_30">#REF!</definedName>
    <definedName name="物件費左記以外金額_31">#REF!</definedName>
    <definedName name="物件費左記以外金額_32">#REF!</definedName>
    <definedName name="物件費左記以外金額_33">#REF!</definedName>
    <definedName name="物件費左記以外金額_34">#REF!</definedName>
    <definedName name="物件費左記以外金額_35">#REF!</definedName>
    <definedName name="物件費左記以外金額_36">#REF!</definedName>
    <definedName name="物件費左記以外金額_37">#REF!</definedName>
    <definedName name="物件費左記以外金額_38">#REF!</definedName>
    <definedName name="物件費左記以外金額_39">#REF!</definedName>
    <definedName name="物件費左記以外金額_4">#REF!</definedName>
    <definedName name="物件費左記以外金額_40">#REF!</definedName>
    <definedName name="物件費左記以外金額_41">#REF!</definedName>
    <definedName name="物件費左記以外金額_42">#REF!</definedName>
    <definedName name="物件費左記以外金額_43">#REF!</definedName>
    <definedName name="物件費左記以外金額_44">#REF!</definedName>
    <definedName name="物件費左記以外金額_45">#REF!</definedName>
    <definedName name="物件費左記以外金額_46">#REF!</definedName>
    <definedName name="物件費左記以外金額_5">#REF!</definedName>
    <definedName name="物件費左記以外金額_6">#REF!</definedName>
    <definedName name="物件費左記以外金額_7">#REF!</definedName>
    <definedName name="物件費左記以外金額_8">#REF!</definedName>
    <definedName name="物件費左記以外金額_9">#REF!</definedName>
    <definedName name="物件費左記以外税額_1">#REF!</definedName>
    <definedName name="物件費左記以外税額_10">#REF!</definedName>
    <definedName name="物件費左記以外税額_11">#REF!</definedName>
    <definedName name="物件費左記以外税額_12">#REF!</definedName>
    <definedName name="物件費左記以外税額_13">#REF!</definedName>
    <definedName name="物件費左記以外税額_14">#REF!</definedName>
    <definedName name="物件費左記以外税額_15">#REF!</definedName>
    <definedName name="物件費左記以外税額_16">#REF!</definedName>
    <definedName name="物件費左記以外税額_17">#REF!</definedName>
    <definedName name="物件費左記以外税額_18">#REF!</definedName>
    <definedName name="物件費左記以外税額_19">#REF!</definedName>
    <definedName name="物件費左記以外税額_2">#REF!</definedName>
    <definedName name="物件費左記以外税額_20">#REF!</definedName>
    <definedName name="物件費左記以外税額_21">#REF!</definedName>
    <definedName name="物件費左記以外税額_22">#REF!</definedName>
    <definedName name="物件費左記以外税額_23">#REF!</definedName>
    <definedName name="物件費左記以外税額_24">#REF!</definedName>
    <definedName name="物件費左記以外税額_25">#REF!</definedName>
    <definedName name="物件費左記以外税額_26">#REF!</definedName>
    <definedName name="物件費左記以外税額_27">#REF!</definedName>
    <definedName name="物件費左記以外税額_28">#REF!</definedName>
    <definedName name="物件費左記以外税額_29">#REF!</definedName>
    <definedName name="物件費左記以外税額_3">#REF!</definedName>
    <definedName name="物件費左記以外税額_30">#REF!</definedName>
    <definedName name="物件費左記以外税額_31">#REF!</definedName>
    <definedName name="物件費左記以外税額_32">#REF!</definedName>
    <definedName name="物件費左記以外税額_33">#REF!</definedName>
    <definedName name="物件費左記以外税額_34">#REF!</definedName>
    <definedName name="物件費左記以外税額_35">#REF!</definedName>
    <definedName name="物件費左記以外税額_36">#REF!</definedName>
    <definedName name="物件費左記以外税額_37">#REF!</definedName>
    <definedName name="物件費左記以外税額_38">#REF!</definedName>
    <definedName name="物件費左記以外税額_39">#REF!</definedName>
    <definedName name="物件費左記以外税額_4">#REF!</definedName>
    <definedName name="物件費左記以外税額_40">#REF!</definedName>
    <definedName name="物件費左記以外税額_41">#REF!</definedName>
    <definedName name="物件費左記以外税額_42">#REF!</definedName>
    <definedName name="物件費左記以外税額_43">#REF!</definedName>
    <definedName name="物件費左記以外税額_44">#REF!</definedName>
    <definedName name="物件費左記以外税額_45">#REF!</definedName>
    <definedName name="物件費左記以外税額_46">#REF!</definedName>
    <definedName name="物件費左記以外税額_5">#REF!</definedName>
    <definedName name="物件費左記以外税額_6">#REF!</definedName>
    <definedName name="物件費左記以外税額_7">#REF!</definedName>
    <definedName name="物件費左記以外税額_8">#REF!</definedName>
    <definedName name="物件費左記以外税額_9">#REF!</definedName>
    <definedName name="物件費名称_1">#REF!</definedName>
    <definedName name="物件費名称_10">#REF!</definedName>
    <definedName name="物件費名称_11">#REF!</definedName>
    <definedName name="物件費名称_12">#REF!</definedName>
    <definedName name="物件費名称_13">#REF!</definedName>
    <definedName name="物件費名称_14">#REF!</definedName>
    <definedName name="物件費名称_15">#REF!</definedName>
    <definedName name="物件費名称_16">#REF!</definedName>
    <definedName name="物件費名称_17">#REF!</definedName>
    <definedName name="物件費名称_18">#REF!</definedName>
    <definedName name="物件費名称_19">#REF!</definedName>
    <definedName name="物件費名称_2">#REF!</definedName>
    <definedName name="物件費名称_20">#REF!</definedName>
    <definedName name="物件費名称_21">#REF!</definedName>
    <definedName name="物件費名称_22">#REF!</definedName>
    <definedName name="物件費名称_23">#REF!</definedName>
    <definedName name="物件費名称_24">#REF!</definedName>
    <definedName name="物件費名称_25">#REF!</definedName>
    <definedName name="物件費名称_26">#REF!</definedName>
    <definedName name="物件費名称_27">#REF!</definedName>
    <definedName name="物件費名称_28">#REF!</definedName>
    <definedName name="物件費名称_29">#REF!</definedName>
    <definedName name="物件費名称_3">#REF!</definedName>
    <definedName name="物件費名称_30">#REF!</definedName>
    <definedName name="物件費名称_31">#REF!</definedName>
    <definedName name="物件費名称_32">#REF!</definedName>
    <definedName name="物件費名称_33">#REF!</definedName>
    <definedName name="物件費名称_34">#REF!</definedName>
    <definedName name="物件費名称_35">#REF!</definedName>
    <definedName name="物件費名称_36">#REF!</definedName>
    <definedName name="物件費名称_37">#REF!</definedName>
    <definedName name="物件費名称_38">#REF!</definedName>
    <definedName name="物件費名称_39">#REF!</definedName>
    <definedName name="物件費名称_4">#REF!</definedName>
    <definedName name="物件費名称_40">#REF!</definedName>
    <definedName name="物件費名称_41">#REF!</definedName>
    <definedName name="物件費名称_42">#REF!</definedName>
    <definedName name="物件費名称_43">#REF!</definedName>
    <definedName name="物件費名称_44">#REF!</definedName>
    <definedName name="物件費名称_45">#REF!</definedName>
    <definedName name="物件費名称_46">#REF!</definedName>
    <definedName name="物件費名称_5">#REF!</definedName>
    <definedName name="物件費名称_6">#REF!</definedName>
    <definedName name="物件費名称_7">#REF!</definedName>
    <definedName name="物件費名称_8">#REF!</definedName>
    <definedName name="物件費名称_9">#REF!</definedName>
    <definedName name="分類">'[6]様式17(見直し一覧)'!$A$38:$A$47</definedName>
    <definedName name="満期一括" localSheetId="0">#REF!</definedName>
    <definedName name="満期一括">#REF!</definedName>
    <definedName name="予算" localSheetId="0">#REF!</definedName>
    <definedName name="予算">#REF!</definedName>
    <definedName name="予備費金額" localSheetId="0">#REF!</definedName>
    <definedName name="予備費金額">#REF!</definedName>
    <definedName name="予備費税額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下村　恭平</author>
  </authors>
  <commentList>
    <comment ref="S7" authorId="0" shapeId="0" xr:uid="{81D81717-C93B-463E-A670-DB8B3F547170}">
      <text>
        <r>
          <rPr>
            <b/>
            <sz val="9"/>
            <color indexed="81"/>
            <rFont val="ＭＳ Ｐゴシック"/>
            <family val="3"/>
            <charset val="128"/>
          </rPr>
          <t>この列はコピペ禁止！</t>
        </r>
      </text>
    </comment>
  </commentList>
</comments>
</file>

<file path=xl/sharedStrings.xml><?xml version="1.0" encoding="utf-8"?>
<sst xmlns="http://schemas.openxmlformats.org/spreadsheetml/2006/main" count="48" uniqueCount="48">
  <si>
    <t>一般会計歳入予算一覧</t>
    <rPh sb="0" eb="2">
      <t>イッパン</t>
    </rPh>
    <rPh sb="2" eb="4">
      <t>カイケイ</t>
    </rPh>
    <rPh sb="4" eb="6">
      <t>サイニュウ</t>
    </rPh>
    <rPh sb="6" eb="8">
      <t>ヨサン</t>
    </rPh>
    <rPh sb="8" eb="10">
      <t>イチラン</t>
    </rPh>
    <phoneticPr fontId="4"/>
  </si>
  <si>
    <t>所属名　天王寺区役所</t>
    <rPh sb="0" eb="2">
      <t>ショゾク</t>
    </rPh>
    <rPh sb="2" eb="3">
      <t>メイ</t>
    </rPh>
    <rPh sb="4" eb="8">
      <t>テンノウジク</t>
    </rPh>
    <rPh sb="8" eb="10">
      <t>ヤクショ</t>
    </rPh>
    <phoneticPr fontId="4"/>
  </si>
  <si>
    <t>(単位：千円)</t>
    <phoneticPr fontId="8"/>
  </si>
  <si>
    <t>通し</t>
    <phoneticPr fontId="4"/>
  </si>
  <si>
    <t>科目</t>
    <rPh sb="0" eb="2">
      <t>カモク</t>
    </rPh>
    <phoneticPr fontId="4"/>
  </si>
  <si>
    <t>説明</t>
    <rPh sb="0" eb="2">
      <t>セツメイ</t>
    </rPh>
    <phoneticPr fontId="16"/>
  </si>
  <si>
    <t>増　　減</t>
    <rPh sb="0" eb="1">
      <t>ゾウ</t>
    </rPh>
    <rPh sb="3" eb="4">
      <t>ゲン</t>
    </rPh>
    <phoneticPr fontId="4"/>
  </si>
  <si>
    <t>備考</t>
    <phoneticPr fontId="4"/>
  </si>
  <si>
    <t>番号</t>
    <phoneticPr fontId="4"/>
  </si>
  <si>
    <t>当初①</t>
    <rPh sb="0" eb="2">
      <t>トウショ</t>
    </rPh>
    <phoneticPr fontId="3"/>
  </si>
  <si>
    <t>（②-①）</t>
    <phoneticPr fontId="4"/>
  </si>
  <si>
    <t>1項　使用料</t>
    <rPh sb="1" eb="2">
      <t>コウ</t>
    </rPh>
    <rPh sb="3" eb="6">
      <t>シヨウリョウ</t>
    </rPh>
    <phoneticPr fontId="8"/>
  </si>
  <si>
    <t>1目　総務使用料</t>
    <rPh sb="1" eb="2">
      <t>モク</t>
    </rPh>
    <rPh sb="3" eb="5">
      <t>ソウム</t>
    </rPh>
    <rPh sb="5" eb="8">
      <t>シヨウリョウ</t>
    </rPh>
    <phoneticPr fontId="8"/>
  </si>
  <si>
    <t>2節　其他使用料</t>
    <rPh sb="1" eb="2">
      <t>セツ</t>
    </rPh>
    <rPh sb="3" eb="5">
      <t>ソノタ</t>
    </rPh>
    <rPh sb="5" eb="8">
      <t>シヨウリョウ</t>
    </rPh>
    <phoneticPr fontId="8"/>
  </si>
  <si>
    <t>行政財産の目的外使用料</t>
    <rPh sb="0" eb="2">
      <t>ギョウセイ</t>
    </rPh>
    <rPh sb="2" eb="4">
      <t>ザイサン</t>
    </rPh>
    <rPh sb="5" eb="7">
      <t>モクテキ</t>
    </rPh>
    <rPh sb="7" eb="8">
      <t>ガイ</t>
    </rPh>
    <rPh sb="8" eb="10">
      <t>シヨウ</t>
    </rPh>
    <rPh sb="10" eb="11">
      <t>リョウ</t>
    </rPh>
    <phoneticPr fontId="8"/>
  </si>
  <si>
    <t>2項　国庫補助金</t>
    <rPh sb="1" eb="2">
      <t>コウ</t>
    </rPh>
    <rPh sb="3" eb="8">
      <t>コッコホジョキン</t>
    </rPh>
    <phoneticPr fontId="16"/>
  </si>
  <si>
    <t>1目　総務費国庫補助金</t>
    <rPh sb="1" eb="2">
      <t>モク</t>
    </rPh>
    <rPh sb="3" eb="6">
      <t>ソウムヒ</t>
    </rPh>
    <rPh sb="6" eb="8">
      <t>コッコ</t>
    </rPh>
    <rPh sb="8" eb="11">
      <t>ホジョキン</t>
    </rPh>
    <phoneticPr fontId="16"/>
  </si>
  <si>
    <t>2項　府補助金</t>
    <rPh sb="1" eb="2">
      <t>コウ</t>
    </rPh>
    <rPh sb="3" eb="4">
      <t>フ</t>
    </rPh>
    <rPh sb="4" eb="7">
      <t>ホジョキン</t>
    </rPh>
    <phoneticPr fontId="16"/>
  </si>
  <si>
    <t>1目　総務費府補助金</t>
    <rPh sb="1" eb="2">
      <t>モク</t>
    </rPh>
    <rPh sb="3" eb="6">
      <t>ソウムヒ</t>
    </rPh>
    <rPh sb="6" eb="7">
      <t>フ</t>
    </rPh>
    <rPh sb="7" eb="10">
      <t>ホジョキン</t>
    </rPh>
    <phoneticPr fontId="16"/>
  </si>
  <si>
    <t>1項　財産貸付収入</t>
    <rPh sb="1" eb="2">
      <t>コウ</t>
    </rPh>
    <rPh sb="3" eb="5">
      <t>ザイサン</t>
    </rPh>
    <rPh sb="5" eb="7">
      <t>カシツケ</t>
    </rPh>
    <rPh sb="7" eb="9">
      <t>シュウニュウ</t>
    </rPh>
    <phoneticPr fontId="8"/>
  </si>
  <si>
    <t>1目　賃貸料</t>
    <rPh sb="1" eb="2">
      <t>モク</t>
    </rPh>
    <rPh sb="3" eb="6">
      <t>チンタイリョウ</t>
    </rPh>
    <phoneticPr fontId="8"/>
  </si>
  <si>
    <t>1節　土地賃貸料</t>
    <rPh sb="1" eb="2">
      <t>セツ</t>
    </rPh>
    <rPh sb="3" eb="5">
      <t>トチ</t>
    </rPh>
    <rPh sb="5" eb="8">
      <t>チンタイリョウ</t>
    </rPh>
    <phoneticPr fontId="8"/>
  </si>
  <si>
    <t>未利用地賃貸料等</t>
    <rPh sb="0" eb="4">
      <t>ミリヨウチ</t>
    </rPh>
    <rPh sb="4" eb="7">
      <t>チンタイリョウ</t>
    </rPh>
    <rPh sb="7" eb="8">
      <t>トウ</t>
    </rPh>
    <phoneticPr fontId="8"/>
  </si>
  <si>
    <t>3項　蓄積基金繰入金</t>
    <rPh sb="1" eb="2">
      <t>コウ</t>
    </rPh>
    <rPh sb="3" eb="5">
      <t>チクセキ</t>
    </rPh>
    <rPh sb="5" eb="7">
      <t>キキン</t>
    </rPh>
    <rPh sb="7" eb="9">
      <t>クリイレ</t>
    </rPh>
    <rPh sb="9" eb="10">
      <t>キン</t>
    </rPh>
    <phoneticPr fontId="8"/>
  </si>
  <si>
    <t>1節　区政推進基金繰入金</t>
    <rPh sb="1" eb="2">
      <t>セツ</t>
    </rPh>
    <rPh sb="3" eb="5">
      <t>クセイ</t>
    </rPh>
    <rPh sb="5" eb="7">
      <t>スイシン</t>
    </rPh>
    <rPh sb="7" eb="9">
      <t>キキン</t>
    </rPh>
    <rPh sb="9" eb="11">
      <t>クリイレ</t>
    </rPh>
    <rPh sb="11" eb="12">
      <t>キン</t>
    </rPh>
    <phoneticPr fontId="8"/>
  </si>
  <si>
    <t>区政推進基金からの繰入金</t>
    <rPh sb="0" eb="2">
      <t>クセイ</t>
    </rPh>
    <rPh sb="2" eb="4">
      <t>スイシン</t>
    </rPh>
    <rPh sb="4" eb="6">
      <t>キキン</t>
    </rPh>
    <rPh sb="9" eb="11">
      <t>クリイレ</t>
    </rPh>
    <rPh sb="11" eb="12">
      <t>キン</t>
    </rPh>
    <phoneticPr fontId="8"/>
  </si>
  <si>
    <t>6項　雑入</t>
    <rPh sb="1" eb="2">
      <t>コウ</t>
    </rPh>
    <rPh sb="3" eb="5">
      <t>ザツニュウ</t>
    </rPh>
    <phoneticPr fontId="8"/>
  </si>
  <si>
    <t>2目　弁償金</t>
    <rPh sb="1" eb="2">
      <t>モク</t>
    </rPh>
    <rPh sb="3" eb="6">
      <t>ベンショウキン</t>
    </rPh>
    <phoneticPr fontId="8"/>
  </si>
  <si>
    <t>1節　番号標弁償金</t>
    <rPh sb="1" eb="2">
      <t>セツ</t>
    </rPh>
    <rPh sb="3" eb="5">
      <t>バンゴウ</t>
    </rPh>
    <rPh sb="5" eb="6">
      <t>ヒョウ</t>
    </rPh>
    <rPh sb="6" eb="9">
      <t>ベンショウキン</t>
    </rPh>
    <phoneticPr fontId="8"/>
  </si>
  <si>
    <t>自動車臨時運行許可番号標弁償金</t>
    <rPh sb="0" eb="3">
      <t>ジドウシャ</t>
    </rPh>
    <rPh sb="3" eb="5">
      <t>リンジ</t>
    </rPh>
    <rPh sb="5" eb="7">
      <t>ウンコウ</t>
    </rPh>
    <rPh sb="7" eb="9">
      <t>キョカ</t>
    </rPh>
    <rPh sb="9" eb="11">
      <t>バンゴウ</t>
    </rPh>
    <rPh sb="11" eb="12">
      <t>ヒョウ</t>
    </rPh>
    <rPh sb="12" eb="15">
      <t>ベンショウキン</t>
    </rPh>
    <phoneticPr fontId="8"/>
  </si>
  <si>
    <t>1節　雑収</t>
    <rPh sb="1" eb="2">
      <t>セツ</t>
    </rPh>
    <rPh sb="3" eb="4">
      <t>ザツ</t>
    </rPh>
    <rPh sb="4" eb="5">
      <t>シュウ</t>
    </rPh>
    <phoneticPr fontId="8"/>
  </si>
  <si>
    <t>広告収入・私用光熱水費に係る収入等</t>
    <rPh sb="0" eb="2">
      <t>コウコク</t>
    </rPh>
    <rPh sb="2" eb="4">
      <t>シュウニュウ</t>
    </rPh>
    <rPh sb="5" eb="7">
      <t>シヨウ</t>
    </rPh>
    <rPh sb="12" eb="13">
      <t>カカ</t>
    </rPh>
    <rPh sb="14" eb="16">
      <t>シュウニュウ</t>
    </rPh>
    <phoneticPr fontId="8"/>
  </si>
  <si>
    <t>歳入合計</t>
    <rPh sb="0" eb="2">
      <t>サイニュウ</t>
    </rPh>
    <rPh sb="2" eb="4">
      <t>ゴウケイ</t>
    </rPh>
    <phoneticPr fontId="8"/>
  </si>
  <si>
    <t>予算案②</t>
    <rPh sb="0" eb="3">
      <t>ヨサンアン</t>
    </rPh>
    <phoneticPr fontId="3"/>
  </si>
  <si>
    <t>７年度</t>
    <rPh sb="1" eb="3">
      <t>ネンド</t>
    </rPh>
    <phoneticPr fontId="3"/>
  </si>
  <si>
    <t>８年度</t>
    <rPh sb="1" eb="3">
      <t>ネンド</t>
    </rPh>
    <phoneticPr fontId="3"/>
  </si>
  <si>
    <t>妊婦等包括相談支援及び乳幼児にかかる相談・支援事業に対する補助金等</t>
    <rPh sb="0" eb="3">
      <t>ニンプトウ</t>
    </rPh>
    <rPh sb="3" eb="5">
      <t>ホウカツ</t>
    </rPh>
    <rPh sb="5" eb="7">
      <t>ソウダン</t>
    </rPh>
    <rPh sb="7" eb="9">
      <t>シエン</t>
    </rPh>
    <rPh sb="9" eb="10">
      <t>オヨ</t>
    </rPh>
    <rPh sb="11" eb="14">
      <t>ニュウヨウジ</t>
    </rPh>
    <rPh sb="18" eb="20">
      <t>ソウダン</t>
    </rPh>
    <rPh sb="21" eb="25">
      <t>シエンジギョウ</t>
    </rPh>
    <rPh sb="26" eb="27">
      <t>タイ</t>
    </rPh>
    <rPh sb="29" eb="33">
      <t>ホジョキントウ</t>
    </rPh>
    <phoneticPr fontId="3"/>
  </si>
  <si>
    <t>妊婦等包括相談支援及び乳幼児にかかる相談・支援事業に対する補助金等</t>
    <phoneticPr fontId="3"/>
  </si>
  <si>
    <t>15款　使用料及手数料</t>
    <rPh sb="2" eb="3">
      <t>カン</t>
    </rPh>
    <rPh sb="4" eb="7">
      <t>シヨウリョウ</t>
    </rPh>
    <rPh sb="7" eb="8">
      <t>オヨ</t>
    </rPh>
    <rPh sb="8" eb="11">
      <t>テスウリョウ</t>
    </rPh>
    <phoneticPr fontId="8"/>
  </si>
  <si>
    <t>16款　国庫支出金</t>
    <rPh sb="2" eb="3">
      <t>カン</t>
    </rPh>
    <rPh sb="4" eb="6">
      <t>コッコ</t>
    </rPh>
    <rPh sb="6" eb="9">
      <t>シシュツキン</t>
    </rPh>
    <phoneticPr fontId="16"/>
  </si>
  <si>
    <t>6節　区まちづくり推進費補助金</t>
    <rPh sb="1" eb="2">
      <t>セツ</t>
    </rPh>
    <rPh sb="3" eb="4">
      <t>ク</t>
    </rPh>
    <rPh sb="9" eb="12">
      <t>スイシンヒ</t>
    </rPh>
    <rPh sb="12" eb="15">
      <t>ホジョキン</t>
    </rPh>
    <phoneticPr fontId="16"/>
  </si>
  <si>
    <t>17款　府支出金</t>
    <rPh sb="2" eb="3">
      <t>カン</t>
    </rPh>
    <rPh sb="4" eb="5">
      <t>フ</t>
    </rPh>
    <rPh sb="5" eb="8">
      <t>シシュツキン</t>
    </rPh>
    <phoneticPr fontId="16"/>
  </si>
  <si>
    <t>3節　区まちづくり推進費補助金</t>
    <rPh sb="1" eb="2">
      <t>セツ</t>
    </rPh>
    <rPh sb="3" eb="4">
      <t>ク</t>
    </rPh>
    <rPh sb="9" eb="12">
      <t>スイシンヒ</t>
    </rPh>
    <rPh sb="12" eb="15">
      <t>ホジョキン</t>
    </rPh>
    <phoneticPr fontId="16"/>
  </si>
  <si>
    <t>18款　財産収入</t>
    <rPh sb="2" eb="3">
      <t>カン</t>
    </rPh>
    <rPh sb="4" eb="6">
      <t>ザイサン</t>
    </rPh>
    <rPh sb="6" eb="8">
      <t>シュウニュウ</t>
    </rPh>
    <phoneticPr fontId="8"/>
  </si>
  <si>
    <t>21款　繰入金</t>
    <rPh sb="2" eb="3">
      <t>カン</t>
    </rPh>
    <rPh sb="4" eb="6">
      <t>クリイレ</t>
    </rPh>
    <rPh sb="6" eb="7">
      <t>キン</t>
    </rPh>
    <phoneticPr fontId="8"/>
  </si>
  <si>
    <t>3目　区政推進基金繰入金</t>
    <rPh sb="1" eb="2">
      <t>モク</t>
    </rPh>
    <rPh sb="3" eb="5">
      <t>クセイ</t>
    </rPh>
    <rPh sb="5" eb="7">
      <t>スイシン</t>
    </rPh>
    <rPh sb="7" eb="9">
      <t>キキン</t>
    </rPh>
    <rPh sb="9" eb="11">
      <t>クリイレ</t>
    </rPh>
    <rPh sb="11" eb="12">
      <t>キン</t>
    </rPh>
    <phoneticPr fontId="8"/>
  </si>
  <si>
    <t>23款　諸収入</t>
    <rPh sb="2" eb="3">
      <t>カン</t>
    </rPh>
    <rPh sb="4" eb="5">
      <t>ショ</t>
    </rPh>
    <rPh sb="5" eb="7">
      <t>シュウニュウ</t>
    </rPh>
    <phoneticPr fontId="8"/>
  </si>
  <si>
    <t>21目　雑収</t>
    <rPh sb="2" eb="3">
      <t>モク</t>
    </rPh>
    <rPh sb="4" eb="5">
      <t>ザツ</t>
    </rPh>
    <rPh sb="5" eb="6">
      <t>シュウ</t>
    </rPh>
    <phoneticPr fontId="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#,##0;&quot;△ &quot;#,##0"/>
    <numFmt numFmtId="177" formatCode="0;;;@"/>
    <numFmt numFmtId="178" formatCode="#,##0.0;&quot;△ &quot;#,##0.0"/>
  </numFmts>
  <fonts count="19">
    <font>
      <sz val="11"/>
      <color theme="1"/>
      <name val="游ゴシック"/>
      <family val="2"/>
      <charset val="128"/>
      <scheme val="minor"/>
    </font>
    <font>
      <sz val="10.5"/>
      <name val="明朝体"/>
      <family val="3"/>
      <charset val="128"/>
    </font>
    <font>
      <sz val="12"/>
      <name val="ＭＳ ゴシック"/>
      <family val="3"/>
      <charset val="128"/>
    </font>
    <font>
      <sz val="6"/>
      <name val="游ゴシック"/>
      <family val="2"/>
      <charset val="128"/>
      <scheme val="minor"/>
    </font>
    <font>
      <sz val="6"/>
      <name val="明朝体"/>
      <family val="3"/>
      <charset val="128"/>
    </font>
    <font>
      <sz val="10.5"/>
      <name val="ＭＳ ゴシック"/>
      <family val="3"/>
      <charset val="128"/>
    </font>
    <font>
      <sz val="11"/>
      <name val="ＭＳ ゴシック"/>
      <family val="3"/>
      <charset val="128"/>
    </font>
    <font>
      <sz val="10"/>
      <name val="ＭＳ ゴシック"/>
      <family val="3"/>
      <charset val="128"/>
    </font>
    <font>
      <sz val="6"/>
      <name val="游ゴシック"/>
      <family val="3"/>
      <charset val="128"/>
      <scheme val="minor"/>
    </font>
    <font>
      <u/>
      <sz val="10.5"/>
      <name val="ＭＳ ゴシック"/>
      <family val="3"/>
      <charset val="128"/>
    </font>
    <font>
      <u/>
      <sz val="10"/>
      <name val="ＭＳ ゴシック"/>
      <family val="3"/>
      <charset val="128"/>
    </font>
    <font>
      <sz val="9"/>
      <name val="ＭＳ ゴシック"/>
      <family val="3"/>
      <charset val="128"/>
    </font>
    <font>
      <u/>
      <sz val="10"/>
      <name val="ＭＳ Ｐゴシック"/>
      <family val="3"/>
      <charset val="128"/>
    </font>
    <font>
      <b/>
      <sz val="11"/>
      <name val="ＭＳ ゴシック"/>
      <family val="3"/>
      <charset val="128"/>
    </font>
    <font>
      <b/>
      <sz val="10"/>
      <name val="ＭＳ 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color theme="1"/>
      <name val="游ゴシック"/>
      <family val="2"/>
      <scheme val="minor"/>
    </font>
    <font>
      <b/>
      <sz val="9"/>
      <color indexed="8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8">
    <border>
      <left/>
      <right/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/>
      <top style="medium">
        <color auto="1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indexed="64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thin">
        <color auto="1"/>
      </right>
      <top style="thin">
        <color auto="1"/>
      </top>
      <bottom style="medium">
        <color auto="1"/>
      </bottom>
      <diagonal/>
    </border>
  </borders>
  <cellStyleXfs count="5">
    <xf numFmtId="0" fontId="0" fillId="0" borderId="0">
      <alignment vertical="center"/>
    </xf>
    <xf numFmtId="0" fontId="1" fillId="0" borderId="0"/>
    <xf numFmtId="38" fontId="15" fillId="0" borderId="0" applyFont="0" applyFill="0" applyBorder="0" applyAlignment="0" applyProtection="0"/>
    <xf numFmtId="0" fontId="15" fillId="0" borderId="0"/>
    <xf numFmtId="0" fontId="17" fillId="0" borderId="0"/>
  </cellStyleXfs>
  <cellXfs count="92">
    <xf numFmtId="0" fontId="0" fillId="0" borderId="0" xfId="0">
      <alignment vertical="center"/>
    </xf>
    <xf numFmtId="38" fontId="7" fillId="0" borderId="18" xfId="2" applyFont="1" applyFill="1" applyBorder="1" applyAlignment="1">
      <alignment horizontal="left" vertical="center" wrapText="1"/>
    </xf>
    <xf numFmtId="38" fontId="7" fillId="0" borderId="12" xfId="2" applyFont="1" applyFill="1" applyBorder="1" applyAlignment="1">
      <alignment horizontal="left" vertical="center" wrapText="1"/>
    </xf>
    <xf numFmtId="0" fontId="2" fillId="0" borderId="0" xfId="1" applyFont="1" applyFill="1" applyAlignment="1">
      <alignment vertical="center"/>
    </xf>
    <xf numFmtId="49" fontId="5" fillId="0" borderId="0" xfId="1" applyNumberFormat="1" applyFont="1" applyFill="1" applyAlignment="1">
      <alignment vertical="center" wrapText="1"/>
    </xf>
    <xf numFmtId="0" fontId="2" fillId="0" borderId="0" xfId="1" applyFont="1" applyFill="1" applyAlignment="1">
      <alignment vertical="center" wrapText="1"/>
    </xf>
    <xf numFmtId="0" fontId="2" fillId="0" borderId="0" xfId="1" applyFont="1" applyFill="1" applyAlignment="1">
      <alignment horizontal="center" vertical="center" wrapText="1"/>
    </xf>
    <xf numFmtId="176" fontId="5" fillId="0" borderId="0" xfId="1" applyNumberFormat="1" applyFont="1" applyFill="1" applyAlignment="1">
      <alignment horizontal="center" vertical="center"/>
    </xf>
    <xf numFmtId="176" fontId="5" fillId="0" borderId="0" xfId="1" applyNumberFormat="1" applyFont="1" applyFill="1" applyAlignment="1">
      <alignment horizontal="right" vertical="center"/>
    </xf>
    <xf numFmtId="0" fontId="5" fillId="0" borderId="0" xfId="1" applyFont="1" applyFill="1" applyAlignment="1">
      <alignment horizontal="center" vertical="center"/>
    </xf>
    <xf numFmtId="0" fontId="5" fillId="0" borderId="0" xfId="1" applyFont="1" applyFill="1" applyAlignment="1">
      <alignment vertical="center"/>
    </xf>
    <xf numFmtId="0" fontId="5" fillId="0" borderId="0" xfId="1" applyFont="1" applyFill="1" applyAlignment="1">
      <alignment vertical="center" wrapText="1"/>
    </xf>
    <xf numFmtId="0" fontId="5" fillId="0" borderId="0" xfId="1" applyFont="1" applyFill="1" applyAlignment="1">
      <alignment horizontal="center" vertical="center" wrapText="1"/>
    </xf>
    <xf numFmtId="176" fontId="5" fillId="0" borderId="0" xfId="1" applyNumberFormat="1" applyFont="1" applyFill="1" applyAlignment="1">
      <alignment vertical="center"/>
    </xf>
    <xf numFmtId="0" fontId="7" fillId="0" borderId="0" xfId="1" applyFont="1" applyFill="1" applyAlignment="1">
      <alignment horizontal="left" vertical="center"/>
    </xf>
    <xf numFmtId="0" fontId="7" fillId="0" borderId="0" xfId="1" applyFont="1" applyFill="1" applyAlignment="1">
      <alignment vertical="center"/>
    </xf>
    <xf numFmtId="0" fontId="9" fillId="0" borderId="0" xfId="1" applyFont="1" applyFill="1" applyAlignment="1">
      <alignment horizontal="left" vertical="center"/>
    </xf>
    <xf numFmtId="0" fontId="9" fillId="0" borderId="0" xfId="1" applyFont="1" applyFill="1" applyAlignment="1">
      <alignment horizontal="left" vertical="center" wrapText="1"/>
    </xf>
    <xf numFmtId="0" fontId="9" fillId="0" borderId="0" xfId="1" applyFont="1" applyFill="1" applyAlignment="1">
      <alignment horizontal="center" vertical="center" wrapText="1"/>
    </xf>
    <xf numFmtId="176" fontId="9" fillId="0" borderId="0" xfId="1" applyNumberFormat="1" applyFont="1" applyFill="1" applyAlignment="1">
      <alignment horizontal="left" vertical="center"/>
    </xf>
    <xf numFmtId="0" fontId="10" fillId="0" borderId="0" xfId="1" applyFont="1" applyFill="1" applyAlignment="1">
      <alignment horizontal="right" vertical="center"/>
    </xf>
    <xf numFmtId="49" fontId="5" fillId="0" borderId="0" xfId="1" applyNumberFormat="1" applyFont="1" applyFill="1" applyAlignment="1">
      <alignment vertical="center"/>
    </xf>
    <xf numFmtId="0" fontId="11" fillId="0" borderId="0" xfId="1" applyFont="1" applyFill="1" applyAlignment="1">
      <alignment horizontal="right" vertical="center"/>
    </xf>
    <xf numFmtId="0" fontId="12" fillId="0" borderId="0" xfId="1" applyFont="1" applyFill="1" applyAlignment="1">
      <alignment horizontal="right" vertical="center"/>
    </xf>
    <xf numFmtId="0" fontId="11" fillId="0" borderId="0" xfId="1" applyFont="1" applyFill="1" applyAlignment="1">
      <alignment horizontal="center" vertical="center"/>
    </xf>
    <xf numFmtId="0" fontId="7" fillId="0" borderId="0" xfId="1" applyFont="1" applyFill="1" applyAlignment="1">
      <alignment horizontal="right" vertical="center"/>
    </xf>
    <xf numFmtId="0" fontId="13" fillId="0" borderId="0" xfId="1" applyFont="1" applyFill="1" applyAlignment="1">
      <alignment horizontal="center" vertical="center" wrapText="1"/>
    </xf>
    <xf numFmtId="176" fontId="13" fillId="0" borderId="0" xfId="1" applyNumberFormat="1" applyFont="1" applyFill="1" applyAlignment="1">
      <alignment horizontal="right" vertical="center" wrapText="1"/>
    </xf>
    <xf numFmtId="176" fontId="6" fillId="0" borderId="0" xfId="1" applyNumberFormat="1" applyFont="1" applyFill="1" applyAlignment="1">
      <alignment horizontal="right" vertical="center"/>
    </xf>
    <xf numFmtId="0" fontId="14" fillId="0" borderId="0" xfId="1" applyFont="1" applyFill="1" applyAlignment="1">
      <alignment horizontal="left" vertical="center"/>
    </xf>
    <xf numFmtId="0" fontId="7" fillId="0" borderId="2" xfId="1" applyFont="1" applyFill="1" applyBorder="1" applyAlignment="1">
      <alignment horizontal="center" vertical="center"/>
    </xf>
    <xf numFmtId="0" fontId="7" fillId="0" borderId="5" xfId="1" applyFont="1" applyFill="1" applyBorder="1" applyAlignment="1" applyProtection="1">
      <alignment horizontal="distributed" vertical="center" justifyLastLine="1"/>
      <protection locked="0"/>
    </xf>
    <xf numFmtId="176" fontId="5" fillId="0" borderId="6" xfId="1" applyNumberFormat="1" applyFont="1" applyFill="1" applyBorder="1" applyAlignment="1">
      <alignment horizontal="center" vertical="center"/>
    </xf>
    <xf numFmtId="0" fontId="7" fillId="0" borderId="8" xfId="1" applyFont="1" applyFill="1" applyBorder="1" applyAlignment="1">
      <alignment horizontal="center" vertical="center"/>
    </xf>
    <xf numFmtId="0" fontId="7" fillId="0" borderId="12" xfId="1" applyFont="1" applyFill="1" applyBorder="1" applyAlignment="1" applyProtection="1">
      <alignment horizontal="distributed" vertical="center" justifyLastLine="1"/>
      <protection locked="0"/>
    </xf>
    <xf numFmtId="176" fontId="5" fillId="0" borderId="12" xfId="1" applyNumberFormat="1" applyFont="1" applyFill="1" applyBorder="1" applyAlignment="1">
      <alignment horizontal="center" vertical="center"/>
    </xf>
    <xf numFmtId="0" fontId="7" fillId="0" borderId="14" xfId="1" applyFont="1" applyFill="1" applyBorder="1" applyAlignment="1">
      <alignment horizontal="center" vertical="center" shrinkToFit="1"/>
    </xf>
    <xf numFmtId="176" fontId="5" fillId="0" borderId="18" xfId="1" applyNumberFormat="1" applyFont="1" applyFill="1" applyBorder="1" applyAlignment="1">
      <alignment horizontal="right" vertical="center" shrinkToFit="1"/>
    </xf>
    <xf numFmtId="0" fontId="2" fillId="0" borderId="15" xfId="1" applyFont="1" applyFill="1" applyBorder="1" applyAlignment="1">
      <alignment horizontal="left" vertical="center"/>
    </xf>
    <xf numFmtId="176" fontId="7" fillId="0" borderId="19" xfId="1" applyNumberFormat="1" applyFont="1" applyFill="1" applyBorder="1" applyAlignment="1">
      <alignment horizontal="right" vertical="center" shrinkToFit="1"/>
    </xf>
    <xf numFmtId="49" fontId="7" fillId="0" borderId="1" xfId="1" applyNumberFormat="1" applyFont="1" applyFill="1" applyBorder="1" applyAlignment="1">
      <alignment horizontal="center" vertical="center" wrapText="1"/>
    </xf>
    <xf numFmtId="0" fontId="7" fillId="0" borderId="19" xfId="3" applyFont="1" applyFill="1" applyBorder="1" applyAlignment="1">
      <alignment vertical="center"/>
    </xf>
    <xf numFmtId="49" fontId="7" fillId="0" borderId="20" xfId="1" applyNumberFormat="1" applyFont="1" applyFill="1" applyBorder="1" applyAlignment="1">
      <alignment horizontal="center" vertical="center" wrapText="1"/>
    </xf>
    <xf numFmtId="49" fontId="7" fillId="0" borderId="21" xfId="1" applyNumberFormat="1" applyFont="1" applyFill="1" applyBorder="1" applyAlignment="1">
      <alignment horizontal="center" vertical="center" wrapText="1"/>
    </xf>
    <xf numFmtId="0" fontId="7" fillId="0" borderId="18" xfId="1" applyFont="1" applyFill="1" applyBorder="1" applyAlignment="1">
      <alignment horizontal="left" vertical="center" wrapText="1"/>
    </xf>
    <xf numFmtId="49" fontId="7" fillId="0" borderId="18" xfId="1" applyNumberFormat="1" applyFont="1" applyFill="1" applyBorder="1" applyAlignment="1">
      <alignment vertical="center" wrapText="1"/>
    </xf>
    <xf numFmtId="49" fontId="7" fillId="0" borderId="21" xfId="1" applyNumberFormat="1" applyFont="1" applyFill="1" applyBorder="1" applyAlignment="1">
      <alignment vertical="center" wrapText="1"/>
    </xf>
    <xf numFmtId="49" fontId="7" fillId="0" borderId="20" xfId="1" applyNumberFormat="1" applyFont="1" applyFill="1" applyBorder="1" applyAlignment="1">
      <alignment vertical="center" wrapText="1"/>
    </xf>
    <xf numFmtId="49" fontId="7" fillId="0" borderId="17" xfId="1" applyNumberFormat="1" applyFont="1" applyFill="1" applyBorder="1" applyAlignment="1">
      <alignment vertical="center" wrapText="1"/>
    </xf>
    <xf numFmtId="49" fontId="7" fillId="0" borderId="11" xfId="1" applyNumberFormat="1" applyFont="1" applyFill="1" applyBorder="1" applyAlignment="1">
      <alignment vertical="center" wrapText="1"/>
    </xf>
    <xf numFmtId="176" fontId="5" fillId="0" borderId="12" xfId="1" applyNumberFormat="1" applyFont="1" applyFill="1" applyBorder="1" applyAlignment="1">
      <alignment horizontal="right" vertical="center" shrinkToFit="1"/>
    </xf>
    <xf numFmtId="0" fontId="2" fillId="0" borderId="9" xfId="1" applyFont="1" applyFill="1" applyBorder="1" applyAlignment="1">
      <alignment horizontal="left" vertical="center"/>
    </xf>
    <xf numFmtId="0" fontId="7" fillId="0" borderId="13" xfId="3" applyFont="1" applyFill="1" applyBorder="1" applyAlignment="1">
      <alignment vertical="center"/>
    </xf>
    <xf numFmtId="0" fontId="7" fillId="0" borderId="12" xfId="1" applyFont="1" applyFill="1" applyBorder="1" applyAlignment="1">
      <alignment horizontal="left" vertical="center" wrapText="1"/>
    </xf>
    <xf numFmtId="0" fontId="7" fillId="0" borderId="22" xfId="1" applyFont="1" applyFill="1" applyBorder="1" applyAlignment="1">
      <alignment horizontal="left" vertical="center" wrapText="1"/>
    </xf>
    <xf numFmtId="176" fontId="5" fillId="0" borderId="22" xfId="1" applyNumberFormat="1" applyFont="1" applyFill="1" applyBorder="1" applyAlignment="1">
      <alignment horizontal="right" vertical="center" shrinkToFit="1"/>
    </xf>
    <xf numFmtId="176" fontId="5" fillId="0" borderId="23" xfId="1" applyNumberFormat="1" applyFont="1" applyFill="1" applyBorder="1" applyAlignment="1">
      <alignment horizontal="right" vertical="center" shrinkToFit="1"/>
    </xf>
    <xf numFmtId="0" fontId="2" fillId="0" borderId="23" xfId="1" applyFont="1" applyFill="1" applyBorder="1" applyAlignment="1">
      <alignment horizontal="left" vertical="center"/>
    </xf>
    <xf numFmtId="0" fontId="7" fillId="0" borderId="24" xfId="3" applyFont="1" applyFill="1" applyBorder="1" applyAlignment="1">
      <alignment vertical="center"/>
    </xf>
    <xf numFmtId="49" fontId="7" fillId="0" borderId="17" xfId="1" applyNumberFormat="1" applyFont="1" applyFill="1" applyBorder="1" applyAlignment="1">
      <alignment vertical="center" wrapText="1"/>
    </xf>
    <xf numFmtId="176" fontId="5" fillId="0" borderId="18" xfId="1" applyNumberFormat="1" applyFont="1" applyFill="1" applyBorder="1" applyAlignment="1">
      <alignment horizontal="right" vertical="center"/>
    </xf>
    <xf numFmtId="0" fontId="5" fillId="0" borderId="0" xfId="1" applyFont="1" applyFill="1" applyBorder="1" applyAlignment="1">
      <alignment horizontal="left" vertical="center"/>
    </xf>
    <xf numFmtId="0" fontId="5" fillId="0" borderId="0" xfId="1" applyFont="1" applyFill="1" applyBorder="1" applyAlignment="1">
      <alignment vertical="center"/>
    </xf>
    <xf numFmtId="0" fontId="6" fillId="0" borderId="0" xfId="1" applyFont="1" applyFill="1" applyBorder="1" applyAlignment="1">
      <alignment horizontal="center" vertical="center" wrapText="1"/>
    </xf>
    <xf numFmtId="177" fontId="5" fillId="0" borderId="0" xfId="1" applyNumberFormat="1" applyFont="1" applyFill="1" applyBorder="1" applyAlignment="1">
      <alignment vertical="center"/>
    </xf>
    <xf numFmtId="178" fontId="5" fillId="0" borderId="0" xfId="1" applyNumberFormat="1" applyFont="1" applyFill="1" applyBorder="1" applyAlignment="1">
      <alignment vertical="center"/>
    </xf>
    <xf numFmtId="176" fontId="5" fillId="0" borderId="0" xfId="1" applyNumberFormat="1" applyFont="1" applyFill="1" applyBorder="1" applyAlignment="1">
      <alignment horizontal="left" vertical="center"/>
    </xf>
    <xf numFmtId="176" fontId="5" fillId="0" borderId="0" xfId="1" applyNumberFormat="1" applyFont="1" applyFill="1" applyBorder="1" applyAlignment="1">
      <alignment horizontal="center" vertical="center"/>
    </xf>
    <xf numFmtId="176" fontId="6" fillId="0" borderId="0" xfId="1" applyNumberFormat="1" applyFont="1" applyFill="1" applyBorder="1" applyAlignment="1">
      <alignment horizontal="center" vertical="center" wrapText="1"/>
    </xf>
    <xf numFmtId="177" fontId="5" fillId="0" borderId="0" xfId="1" applyNumberFormat="1" applyFont="1" applyFill="1" applyBorder="1" applyAlignment="1">
      <alignment horizontal="center" vertical="center"/>
    </xf>
    <xf numFmtId="177" fontId="2" fillId="0" borderId="0" xfId="2" applyNumberFormat="1" applyFont="1" applyFill="1" applyBorder="1" applyAlignment="1">
      <alignment horizontal="left" vertical="center" wrapText="1"/>
    </xf>
    <xf numFmtId="49" fontId="7" fillId="0" borderId="3" xfId="1" applyNumberFormat="1" applyFont="1" applyFill="1" applyBorder="1" applyAlignment="1">
      <alignment horizontal="distributed" vertical="center" wrapText="1" justifyLastLine="1"/>
    </xf>
    <xf numFmtId="49" fontId="7" fillId="0" borderId="4" xfId="1" applyNumberFormat="1" applyFont="1" applyFill="1" applyBorder="1" applyAlignment="1">
      <alignment horizontal="distributed" vertical="center" wrapText="1" justifyLastLine="1"/>
    </xf>
    <xf numFmtId="49" fontId="7" fillId="0" borderId="5" xfId="1" applyNumberFormat="1" applyFont="1" applyFill="1" applyBorder="1" applyAlignment="1">
      <alignment horizontal="distributed" vertical="center" wrapText="1" justifyLastLine="1"/>
    </xf>
    <xf numFmtId="49" fontId="7" fillId="0" borderId="9" xfId="1" applyNumberFormat="1" applyFont="1" applyFill="1" applyBorder="1" applyAlignment="1">
      <alignment horizontal="distributed" vertical="center" wrapText="1" justifyLastLine="1"/>
    </xf>
    <xf numFmtId="49" fontId="7" fillId="0" borderId="10" xfId="1" applyNumberFormat="1" applyFont="1" applyFill="1" applyBorder="1" applyAlignment="1">
      <alignment horizontal="distributed" vertical="center" wrapText="1" justifyLastLine="1"/>
    </xf>
    <xf numFmtId="49" fontId="7" fillId="0" borderId="11" xfId="1" applyNumberFormat="1" applyFont="1" applyFill="1" applyBorder="1" applyAlignment="1">
      <alignment horizontal="distributed" vertical="center" wrapText="1" justifyLastLine="1"/>
    </xf>
    <xf numFmtId="0" fontId="7" fillId="0" borderId="6" xfId="1" applyFont="1" applyFill="1" applyBorder="1" applyAlignment="1">
      <alignment horizontal="distributed" vertical="center" wrapText="1" justifyLastLine="1"/>
    </xf>
    <xf numFmtId="0" fontId="7" fillId="0" borderId="12" xfId="1" applyFont="1" applyFill="1" applyBorder="1" applyAlignment="1">
      <alignment horizontal="distributed" vertical="center" wrapText="1" justifyLastLine="1"/>
    </xf>
    <xf numFmtId="0" fontId="7" fillId="0" borderId="3" xfId="1" applyFont="1" applyFill="1" applyBorder="1" applyAlignment="1">
      <alignment horizontal="distributed" vertical="center" justifyLastLine="1"/>
    </xf>
    <xf numFmtId="0" fontId="7" fillId="0" borderId="7" xfId="1" applyFont="1" applyFill="1" applyBorder="1" applyAlignment="1">
      <alignment horizontal="distributed" vertical="center" justifyLastLine="1"/>
    </xf>
    <xf numFmtId="0" fontId="7" fillId="0" borderId="9" xfId="1" applyFont="1" applyFill="1" applyBorder="1" applyAlignment="1">
      <alignment horizontal="distributed" vertical="center" justifyLastLine="1"/>
    </xf>
    <xf numFmtId="0" fontId="7" fillId="0" borderId="13" xfId="1" applyFont="1" applyFill="1" applyBorder="1" applyAlignment="1">
      <alignment horizontal="distributed" vertical="center" justifyLastLine="1"/>
    </xf>
    <xf numFmtId="0" fontId="5" fillId="0" borderId="0" xfId="1" applyFont="1" applyFill="1" applyBorder="1" applyAlignment="1">
      <alignment horizontal="left" vertical="center" wrapText="1"/>
    </xf>
    <xf numFmtId="49" fontId="7" fillId="0" borderId="15" xfId="1" applyNumberFormat="1" applyFont="1" applyFill="1" applyBorder="1" applyAlignment="1">
      <alignment vertical="center" wrapText="1"/>
    </xf>
    <xf numFmtId="49" fontId="7" fillId="0" borderId="17" xfId="1" applyNumberFormat="1" applyFont="1" applyFill="1" applyBorder="1" applyAlignment="1">
      <alignment vertical="center" wrapText="1"/>
    </xf>
    <xf numFmtId="0" fontId="6" fillId="0" borderId="0" xfId="1" applyFont="1" applyFill="1" applyAlignment="1">
      <alignment horizontal="right" vertical="center"/>
    </xf>
    <xf numFmtId="0" fontId="11" fillId="0" borderId="0" xfId="1" applyFont="1" applyFill="1" applyAlignment="1">
      <alignment horizontal="right" vertical="center" wrapText="1"/>
    </xf>
    <xf numFmtId="49" fontId="7" fillId="0" borderId="16" xfId="1" applyNumberFormat="1" applyFont="1" applyFill="1" applyBorder="1" applyAlignment="1">
      <alignment vertical="center" wrapText="1"/>
    </xf>
    <xf numFmtId="0" fontId="7" fillId="0" borderId="25" xfId="1" applyFont="1" applyFill="1" applyBorder="1" applyAlignment="1">
      <alignment horizontal="center" vertical="center"/>
    </xf>
    <xf numFmtId="0" fontId="7" fillId="0" borderId="26" xfId="1" applyFont="1" applyFill="1" applyBorder="1" applyAlignment="1">
      <alignment horizontal="center" vertical="center"/>
    </xf>
    <xf numFmtId="0" fontId="7" fillId="0" borderId="27" xfId="1" applyFont="1" applyFill="1" applyBorder="1" applyAlignment="1">
      <alignment horizontal="center" vertical="center"/>
    </xf>
  </cellXfs>
  <cellStyles count="5">
    <cellStyle name="桁区切り 2 2 2" xfId="2" xr:uid="{69D4B06E-19BD-4A81-BB99-99455914A546}"/>
    <cellStyle name="標準" xfId="0" builtinId="0"/>
    <cellStyle name="標準 2" xfId="3" xr:uid="{88083A39-59BD-4607-A8EB-F7FE9F80B9BB}"/>
    <cellStyle name="標準 4" xfId="4" xr:uid="{3CB2320A-DC41-4D28-B727-A5E080305C93}"/>
    <cellStyle name="標準_③予算事業別調書(目次様式) 2 2" xfId="1" xr:uid="{50BB6B8E-B316-4F24-B5DE-61703BFFB1B9}"/>
  </cellStyles>
  <dxfs count="2">
    <dxf>
      <fill>
        <patternFill>
          <bgColor rgb="FFFFFF00"/>
        </patternFill>
      </fill>
    </dxf>
    <dxf>
      <fill>
        <patternFill>
          <bgColor rgb="FFFFC00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5" Type="http://schemas.openxmlformats.org/officeDocument/2006/relationships/externalLink" Target="externalLinks/externalLink4.xml"/><Relationship Id="rId10" Type="http://schemas.openxmlformats.org/officeDocument/2006/relationships/sharedStrings" Target="sharedStrings.xml"/><Relationship Id="rId4" Type="http://schemas.openxmlformats.org/officeDocument/2006/relationships/externalLink" Target="externalLinks/externalLink3.xml"/><Relationship Id="rId9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&#25351;&#23450;&#32113;&#35336;\00%20&#35211;&#31309;\03_&#38283;&#30330;&#12473;&#12465;&#12472;&#12517;&#12540;&#12523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ogsworth\Traffic%20Home\2-2\&#38283;&#30330;&#38917;&#30446;\&#20491;&#21029;\&#23450;&#28857;&#20998;&#26512;\&#23450;&#28857;&#65318;&#20181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IF102C\OA-da0001$\&#12518;&#12540;&#12470;&#20316;&#26989;&#29992;&#12501;&#12457;&#12523;&#12480;\da0001&#65288;&#36001;&#21209;&#65319;&#65289;\01_&#20104;&#31639;&#12398;&#12362;&#12375;&#12372;&#12392;\03_&#32113;&#25324;&#25285;&#24403;\R2&#24180;&#24230;&#12398;&#12362;&#20181;&#20107;\R3&#20104;&#31639;\07&#20104;&#31639;&#32232;&#25104;&#36890;&#30693;\&#27096;&#24335;\&#21508;&#25285;&#24403;&#12363;&#12425;\&#12481;&#12455;&#12483;&#12463;&#12471;&#12540;&#12488;&#9733;0903&#20107;&#21209;&#23616;&#25552;&#20986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da0013$\&#12518;&#12540;&#12470;&#20316;&#26989;&#29992;&#12501;&#12457;&#12523;&#12480;\da0001&#65288;&#36001;&#21209;&#65319;&#65289;\01_&#20104;&#31639;&#12398;&#12362;&#12375;&#12372;&#12392;\03_&#32113;&#25324;&#25285;&#24403;\R2&#24180;&#24230;&#12398;&#12362;&#20181;&#20107;\R3&#20104;&#31639;\07&#20104;&#31639;&#32232;&#25104;&#36890;&#30693;\&#27096;&#24335;\&#21508;&#25285;&#24403;&#12363;&#12425;\&#12481;&#12455;&#12483;&#12463;&#12471;&#12540;&#12488;&#9733;0903&#20107;&#21209;&#23616;&#25552;&#20986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Users\i4250003\AppData\Local\Microsoft\Windows\Temporary%20Internet%20Files\Content.Outlook\E6ZMVT07\&#22243;&#20307;&#26989;&#32318;&#35413;&#20385;\&#9733;&#9734;&#9733;&#22806;&#37101;&#22243;&#20307;&#26989;&#32318;&#35413;&#20385;&#12471;&#12540;&#12488;&#65288;&#26666;&#24335;&#65289;H22&#12304;&#27096;&#24335;&#12305;(version6)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da0001$\Users\i9753250\AppData\Local\Microsoft\Windows\Temporary%20Internet%20Files\Content.Outlook\1QBG7IYA\&#20104;&#31639;&#32232;&#25104;&#36890;&#30693;&#27096;&#24335;&#65288;&#12481;&#12455;&#12483;&#12463;&#12471;&#12540;&#12488;&#65289;&#65288;&#26368;&#32066;&#29256;&#65289;%20(2)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基本情報"/>
      <sheetName val="大日程"/>
      <sheetName val="年間日程"/>
      <sheetName val="中日程"/>
      <sheetName val="小日程"/>
      <sheetName val="TABLE"/>
      <sheetName val="03_開発スケジュール"/>
      <sheetName val="#REF"/>
      <sheetName val="RAK01AD"/>
      <sheetName val="ワーク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RAK01AD"/>
      <sheetName val="RAK01AT"/>
      <sheetName val="RAK01AE"/>
      <sheetName val="RAK02DT"/>
      <sheetName val="RAK02DD"/>
      <sheetName val="RAK02DE"/>
      <sheetName val="RAK03DT"/>
      <sheetName val="RAK03DD"/>
      <sheetName val="RAK03DE"/>
      <sheetName val="RAK04DT"/>
      <sheetName val="RAK04DD"/>
      <sheetName val="RAK04DE"/>
      <sheetName val="RAK05DT"/>
      <sheetName val="RAK05DD"/>
      <sheetName val="RAK05DE"/>
      <sheetName val="RAK06DT"/>
      <sheetName val="RAK06DD"/>
      <sheetName val="RAK06DE"/>
      <sheetName val="RAK07DT"/>
      <sheetName val="RAK07DD"/>
      <sheetName val="RAK07DE"/>
      <sheetName val="RAK08DT"/>
      <sheetName val="RAK08DD"/>
      <sheetName val="RAK08DE"/>
      <sheetName val="RAK09AT"/>
      <sheetName val="RAK09AD"/>
      <sheetName val="RAK09AE"/>
      <sheetName val="RAK10AT"/>
      <sheetName val="RAK10AD"/>
      <sheetName val="RAK10AE"/>
      <sheetName val="RAK11AT"/>
      <sheetName val="RAK11AD"/>
      <sheetName val="RAK11AE"/>
      <sheetName val="RAK12AT"/>
      <sheetName val="RAK12AD"/>
      <sheetName val="RAK12AE"/>
      <sheetName val="RAK13AT"/>
      <sheetName val="RAK13AD"/>
      <sheetName val="RAK13AE"/>
      <sheetName val="RAK14AT"/>
      <sheetName val="RAK14AD"/>
      <sheetName val="RAK14AE"/>
      <sheetName val="RAK15AT"/>
      <sheetName val="RAK15AD"/>
      <sheetName val="RAK15AE"/>
      <sheetName val="RAK16AT"/>
      <sheetName val="RAK16AD"/>
      <sheetName val="RAK16AE"/>
      <sheetName val="RAK17AT"/>
      <sheetName val="RAK17AD"/>
      <sheetName val="RAK17AE"/>
      <sheetName val="RAK18AT"/>
      <sheetName val="RAK18AD"/>
      <sheetName val="RAK18AE"/>
      <sheetName val="RAK19AT"/>
      <sheetName val="RAK19AD"/>
      <sheetName val="RAK19AE"/>
      <sheetName val="RAK20AT"/>
      <sheetName val="RAK20AD"/>
      <sheetName val="RAK20AE"/>
      <sheetName val="RAK21AT"/>
      <sheetName val="RAK21AD"/>
      <sheetName val="RAK21AE"/>
      <sheetName val="RAK22AT"/>
      <sheetName val="RAK22AD"/>
      <sheetName val="RAK22AE"/>
    </sheetNames>
    <sheetDataSet>
      <sheetData sheetId="0" refreshError="1">
        <row r="9">
          <cell r="B9">
            <v>1</v>
          </cell>
        </row>
        <row r="10">
          <cell r="B10">
            <v>2</v>
          </cell>
        </row>
        <row r="11">
          <cell r="B11">
            <v>3</v>
          </cell>
        </row>
        <row r="12">
          <cell r="B12">
            <v>4</v>
          </cell>
        </row>
        <row r="13">
          <cell r="B13">
            <v>5</v>
          </cell>
        </row>
        <row r="14">
          <cell r="B14">
            <v>6</v>
          </cell>
        </row>
        <row r="15">
          <cell r="B15">
            <v>7</v>
          </cell>
        </row>
        <row r="16">
          <cell r="B16">
            <v>8</v>
          </cell>
        </row>
        <row r="17">
          <cell r="B17">
            <v>9</v>
          </cell>
        </row>
        <row r="18">
          <cell r="B18">
            <v>10</v>
          </cell>
        </row>
        <row r="19">
          <cell r="B19">
            <v>11</v>
          </cell>
        </row>
        <row r="20">
          <cell r="B20">
            <v>12</v>
          </cell>
        </row>
        <row r="21">
          <cell r="B21">
            <v>13</v>
          </cell>
        </row>
        <row r="22">
          <cell r="B22">
            <v>14</v>
          </cell>
        </row>
        <row r="23">
          <cell r="B23">
            <v>15</v>
          </cell>
        </row>
        <row r="24">
          <cell r="B24">
            <v>16</v>
          </cell>
        </row>
        <row r="25">
          <cell r="B25">
            <v>17</v>
          </cell>
        </row>
        <row r="26">
          <cell r="B26">
            <v>18</v>
          </cell>
        </row>
        <row r="27">
          <cell r="B27">
            <v>19</v>
          </cell>
        </row>
        <row r="28">
          <cell r="B28">
            <v>20</v>
          </cell>
        </row>
        <row r="29">
          <cell r="B29">
            <v>21</v>
          </cell>
        </row>
        <row r="30">
          <cell r="B30">
            <v>22</v>
          </cell>
        </row>
        <row r="31">
          <cell r="B31">
            <v>23</v>
          </cell>
        </row>
        <row r="32">
          <cell r="B32">
            <v>24</v>
          </cell>
        </row>
        <row r="33">
          <cell r="B33">
            <v>25</v>
          </cell>
        </row>
        <row r="34">
          <cell r="B34">
            <v>26</v>
          </cell>
        </row>
        <row r="35">
          <cell r="B35">
            <v>27</v>
          </cell>
        </row>
        <row r="36">
          <cell r="B36">
            <v>28</v>
          </cell>
        </row>
        <row r="37">
          <cell r="B37">
            <v>29</v>
          </cell>
        </row>
        <row r="38">
          <cell r="B38">
            <v>30</v>
          </cell>
        </row>
        <row r="39">
          <cell r="B39">
            <v>31</v>
          </cell>
        </row>
        <row r="40">
          <cell r="B40">
            <v>32</v>
          </cell>
        </row>
        <row r="41">
          <cell r="B41">
            <v>33</v>
          </cell>
        </row>
        <row r="42">
          <cell r="B42">
            <v>34</v>
          </cell>
        </row>
        <row r="43">
          <cell r="B43">
            <v>35</v>
          </cell>
        </row>
        <row r="44">
          <cell r="B44">
            <v>36</v>
          </cell>
        </row>
        <row r="45">
          <cell r="B45">
            <v>37</v>
          </cell>
        </row>
        <row r="46">
          <cell r="B46">
            <v>38</v>
          </cell>
        </row>
        <row r="47">
          <cell r="B47">
            <v>39</v>
          </cell>
        </row>
        <row r="48">
          <cell r="B48">
            <v>40</v>
          </cell>
        </row>
        <row r="49">
          <cell r="B49">
            <v>41</v>
          </cell>
        </row>
        <row r="50">
          <cell r="B50">
            <v>42</v>
          </cell>
        </row>
        <row r="51">
          <cell r="B51">
            <v>43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様式15～17(提出依頼)"/>
      <sheetName val="様式15(見直し一覧)"/>
      <sheetName val="様式16（見直しチェックシート）"/>
      <sheetName val="チェックシート記載要領"/>
      <sheetName val="見直しポイント"/>
      <sheetName val="様式17(新規補助金概要シート)"/>
      <sheetName val="新規概要シート記載要領"/>
    </sheetNames>
    <sheetDataSet>
      <sheetData sheetId="0"/>
      <sheetData sheetId="1">
        <row r="38">
          <cell r="A38" t="str">
            <v>1-1</v>
          </cell>
        </row>
      </sheetData>
      <sheetData sheetId="2">
        <row r="53">
          <cell r="U53" t="str">
            <v>□</v>
          </cell>
          <cell r="V53" t="str">
            <v>■</v>
          </cell>
        </row>
      </sheetData>
      <sheetData sheetId="3"/>
      <sheetData sheetId="4"/>
      <sheetData sheetId="5"/>
      <sheetData sheetId="6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様式15～17(提出依頼)"/>
      <sheetName val="様式15(見直し一覧)"/>
      <sheetName val="様式16（見直しチェックシート）"/>
      <sheetName val="チェックシート記載要領"/>
      <sheetName val="見直しポイント"/>
      <sheetName val="様式17(新規補助金概要シート)"/>
      <sheetName val="新規概要シート記載要領"/>
    </sheetNames>
    <sheetDataSet>
      <sheetData sheetId="0"/>
      <sheetData sheetId="1">
        <row r="38">
          <cell r="A38" t="str">
            <v>1-1</v>
          </cell>
        </row>
      </sheetData>
      <sheetData sheetId="2">
        <row r="53">
          <cell r="U53" t="str">
            <v>□</v>
          </cell>
          <cell r="V53" t="str">
            <v>■</v>
          </cell>
        </row>
      </sheetData>
      <sheetData sheetId="3"/>
      <sheetData sheetId="4"/>
      <sheetData sheetId="5"/>
      <sheetData sheetId="6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データ"/>
      <sheetName val="★表紙"/>
      <sheetName val="★概要"/>
      <sheetName val="★（株）"/>
      <sheetName val="グラフ(株)"/>
      <sheetName val="★(財)"/>
      <sheetName val="グラフ(財)"/>
      <sheetName val="★(社福)"/>
      <sheetName val="グラフ(社福)"/>
      <sheetName val="★事業"/>
      <sheetName val="★評価"/>
      <sheetName val="人的（非）"/>
      <sheetName val="指標（非）(株)"/>
      <sheetName val="指標（非）(財)"/>
      <sheetName val="指標（内部）(社福)"/>
      <sheetName val="指標説明"/>
      <sheetName val="財務(非)"/>
      <sheetName val="★ (財)(正味)"/>
      <sheetName val="グラフ(財)(正味)"/>
    </sheetNames>
    <sheetDataSet>
      <sheetData sheetId="0">
        <row r="4">
          <cell r="B4" t="str">
            <v>(財)大阪国際交流センター</v>
          </cell>
        </row>
        <row r="5">
          <cell r="B5" t="str">
            <v>(財)大阪市女性協会</v>
          </cell>
        </row>
        <row r="6">
          <cell r="B6" t="str">
            <v>(財)アジア・太平洋人権情報センター</v>
          </cell>
        </row>
        <row r="7">
          <cell r="B7" t="str">
            <v>(株)大阪市開発公社</v>
          </cell>
        </row>
        <row r="8">
          <cell r="B8" t="str">
            <v>大阪市土地開発公社</v>
          </cell>
        </row>
        <row r="9">
          <cell r="B9" t="str">
            <v>(財)大阪市都市工学情報センター</v>
          </cell>
        </row>
        <row r="10">
          <cell r="B10" t="str">
            <v>(株)湊町開発センター</v>
          </cell>
        </row>
        <row r="11">
          <cell r="B11" t="str">
            <v>大阪外環状鉄道(株)</v>
          </cell>
        </row>
        <row r="12">
          <cell r="B12" t="str">
            <v>(社福)大阪社会医療センター</v>
          </cell>
        </row>
        <row r="13">
          <cell r="B13" t="str">
            <v>(財)大阪市環境保健協会</v>
          </cell>
        </row>
        <row r="14">
          <cell r="B14" t="str">
            <v>(財)大阪市救急医療事業団</v>
          </cell>
        </row>
        <row r="15">
          <cell r="B15" t="str">
            <v>(財)大阪市スポーツ・みどり振興協会</v>
          </cell>
        </row>
        <row r="16">
          <cell r="B16" t="str">
            <v>(財)大阪城ホール</v>
          </cell>
        </row>
        <row r="17">
          <cell r="B17" t="str">
            <v>(財)大阪二十一世紀協会</v>
          </cell>
        </row>
        <row r="18">
          <cell r="B18" t="str">
            <v>(財)大阪市博物館協会</v>
          </cell>
        </row>
        <row r="19">
          <cell r="B19" t="str">
            <v>(財)大阪科学振興協会</v>
          </cell>
        </row>
        <row r="20">
          <cell r="B20" t="str">
            <v>(財)大阪国際経済振興センター</v>
          </cell>
        </row>
        <row r="21">
          <cell r="B21" t="str">
            <v>大阪市信用保証協会</v>
          </cell>
        </row>
        <row r="22">
          <cell r="B22" t="str">
            <v>(株)大阪マーチャンダイズ・マート</v>
          </cell>
        </row>
        <row r="23">
          <cell r="B23" t="str">
            <v>アジア太平洋トレードセンター(株)</v>
          </cell>
        </row>
        <row r="24">
          <cell r="B24" t="str">
            <v>(株)大阪鶴見フラワーセンター</v>
          </cell>
        </row>
        <row r="25">
          <cell r="B25" t="str">
            <v>大阪市商業振興企画(株)</v>
          </cell>
        </row>
        <row r="26">
          <cell r="B26" t="str">
            <v>(公財)地球環境センター</v>
          </cell>
        </row>
        <row r="27">
          <cell r="B27" t="str">
            <v>(財)大阪市環境事業協会</v>
          </cell>
        </row>
        <row r="28">
          <cell r="B28" t="str">
            <v>大阪市住宅供給公社</v>
          </cell>
        </row>
        <row r="29">
          <cell r="B29" t="str">
            <v>(財)大阪市建築技術協会</v>
          </cell>
        </row>
        <row r="30">
          <cell r="B30" t="str">
            <v>(財)大阪市都市建設技術協会</v>
          </cell>
        </row>
        <row r="31">
          <cell r="B31" t="str">
            <v>大阪市街地開発(株)</v>
          </cell>
        </row>
        <row r="32">
          <cell r="B32" t="str">
            <v>大阪市道路公社</v>
          </cell>
        </row>
        <row r="33">
          <cell r="B33" t="str">
            <v>大阪地下街(株)</v>
          </cell>
        </row>
        <row r="34">
          <cell r="B34" t="str">
            <v>クリスタ長堀(株)</v>
          </cell>
        </row>
        <row r="35">
          <cell r="B35" t="str">
            <v>(財)大阪市下水道技術協会</v>
          </cell>
        </row>
        <row r="36">
          <cell r="B36" t="str">
            <v>(財)大阪港埠頭公社</v>
          </cell>
        </row>
        <row r="37">
          <cell r="B37" t="str">
            <v>大阪港埠頭ターミナル(株)</v>
          </cell>
        </row>
        <row r="38">
          <cell r="B38" t="str">
            <v>大阪港木材倉庫(株)</v>
          </cell>
        </row>
        <row r="39">
          <cell r="B39" t="str">
            <v>(株)大阪港トランスポートシステム</v>
          </cell>
        </row>
        <row r="40">
          <cell r="B40" t="str">
            <v>大阪ウォーターフロント開発(株)</v>
          </cell>
        </row>
        <row r="41">
          <cell r="B41" t="str">
            <v>(財)大阪市消防振興協会</v>
          </cell>
        </row>
        <row r="42">
          <cell r="B42" t="str">
            <v>交通サービス(株)</v>
          </cell>
        </row>
        <row r="43">
          <cell r="B43" t="str">
            <v>大阪運輸振興(株)</v>
          </cell>
        </row>
        <row r="44">
          <cell r="B44" t="str">
            <v>(株)大阪メトロサービス</v>
          </cell>
        </row>
        <row r="45">
          <cell r="B45" t="str">
            <v>(株)大阪水道総合サービス</v>
          </cell>
        </row>
        <row r="46">
          <cell r="B46" t="str">
            <v>(財)大阪市教育振興公社</v>
          </cell>
        </row>
        <row r="47">
          <cell r="B47" t="str">
            <v>(財)大阪国際平和センター</v>
          </cell>
        </row>
        <row r="48">
          <cell r="B48" t="str">
            <v>(公財)大阪府暴力追放推進センター</v>
          </cell>
        </row>
        <row r="49">
          <cell r="B49" t="str">
            <v>関西高速鉄道(株)</v>
          </cell>
        </row>
        <row r="50">
          <cell r="B50" t="str">
            <v>大阪国際空港ターミナル(株)</v>
          </cell>
        </row>
        <row r="51">
          <cell r="B51" t="str">
            <v>西大阪高速鉄道(株)</v>
          </cell>
        </row>
        <row r="52">
          <cell r="B52" t="str">
            <v>中之島高速鉄道(株)</v>
          </cell>
        </row>
        <row r="53">
          <cell r="B53" t="str">
            <v>(株)かんでんエルハート</v>
          </cell>
        </row>
        <row r="54">
          <cell r="B54" t="str">
            <v>(財)大阪観光コンベンション協会</v>
          </cell>
        </row>
        <row r="55">
          <cell r="B55" t="str">
            <v>(財)国際花と緑の博覧会記念協会</v>
          </cell>
        </row>
        <row r="56">
          <cell r="B56" t="str">
            <v>(財)大阪市農業センター</v>
          </cell>
        </row>
        <row r="57">
          <cell r="B57" t="str">
            <v>(社)大阪市人権協会</v>
          </cell>
        </row>
        <row r="58">
          <cell r="B58" t="str">
            <v>(財)大阪市民共済会</v>
          </cell>
        </row>
        <row r="59">
          <cell r="B59" t="str">
            <v>(社福)大阪市社会福祉協議会</v>
          </cell>
        </row>
        <row r="60">
          <cell r="B60" t="str">
            <v>(社福)みおつくし福祉会</v>
          </cell>
        </row>
        <row r="61">
          <cell r="B61" t="str">
            <v>(社福)大阪市障害者福祉・スポーツ協会</v>
          </cell>
        </row>
        <row r="62">
          <cell r="B62" t="str">
            <v>(財)大阪市身体障害者団体協議会</v>
          </cell>
        </row>
        <row r="63">
          <cell r="B63" t="str">
            <v>(社)大阪市老人クラブ連合会</v>
          </cell>
        </row>
        <row r="64">
          <cell r="B64" t="str">
            <v>(社)大阪生活衛生協会</v>
          </cell>
        </row>
        <row r="65">
          <cell r="B65" t="str">
            <v>(財)大阪バイオサイエンス研究所</v>
          </cell>
        </row>
        <row r="66">
          <cell r="B66" t="str">
            <v>(財)大阪市青少年活動協会</v>
          </cell>
        </row>
        <row r="67">
          <cell r="B67" t="str">
            <v>(財)大阪市中小企業勤労者福祉サービスセンター</v>
          </cell>
        </row>
        <row r="68">
          <cell r="B68" t="str">
            <v>(財)大阪市都市型産業振興センター</v>
          </cell>
        </row>
        <row r="69">
          <cell r="B69" t="str">
            <v>(公社)大阪港振興協会</v>
          </cell>
        </row>
        <row r="70">
          <cell r="B70" t="str">
            <v>(社)大阪市清港会</v>
          </cell>
        </row>
        <row r="71">
          <cell r="B71" t="str">
            <v>(財)大阪市学校給食協会</v>
          </cell>
        </row>
        <row r="72">
          <cell r="B72" t="str">
            <v>(社福)大阪市北区社会福祉協議会</v>
          </cell>
        </row>
        <row r="73">
          <cell r="B73" t="str">
            <v>(社福)大阪市都島区社会福祉協議会</v>
          </cell>
        </row>
        <row r="74">
          <cell r="B74" t="str">
            <v>(社福)大阪市福島区社会福祉協議会</v>
          </cell>
        </row>
        <row r="75">
          <cell r="B75" t="str">
            <v>(社福)大阪市此花区社会福祉協議会</v>
          </cell>
        </row>
        <row r="76">
          <cell r="B76" t="str">
            <v>(社福)大阪市中央区社会福祉協議会</v>
          </cell>
        </row>
        <row r="77">
          <cell r="B77" t="str">
            <v>(社福)大阪市西区社会福祉協議会</v>
          </cell>
        </row>
        <row r="78">
          <cell r="B78" t="str">
            <v>(社福)大阪市港区社会福祉協議会</v>
          </cell>
        </row>
        <row r="79">
          <cell r="B79" t="str">
            <v>(社福)大阪市大正区社会福祉協議会</v>
          </cell>
        </row>
        <row r="80">
          <cell r="B80" t="str">
            <v>(社福)大阪市天王寺区社会福祉協議会</v>
          </cell>
        </row>
        <row r="81">
          <cell r="B81" t="str">
            <v>(社福)大阪市浪速区社会福祉協議会</v>
          </cell>
        </row>
        <row r="82">
          <cell r="B82" t="str">
            <v>(社福)大阪市西淀川区社会福祉協議会</v>
          </cell>
        </row>
        <row r="83">
          <cell r="B83" t="str">
            <v>(社福)大阪市淀川区社会福祉協議会</v>
          </cell>
        </row>
        <row r="84">
          <cell r="B84" t="str">
            <v>(社福)大阪市東淀川区社会福祉協議会</v>
          </cell>
        </row>
        <row r="85">
          <cell r="B85" t="str">
            <v>(社福)大阪市東成区社会福祉協議会</v>
          </cell>
        </row>
        <row r="86">
          <cell r="B86" t="str">
            <v>(社福)大阪市生野区社会福祉協議会</v>
          </cell>
        </row>
        <row r="87">
          <cell r="B87" t="str">
            <v>(社福)大阪市旭区社会福祉協議会</v>
          </cell>
        </row>
        <row r="88">
          <cell r="B88" t="str">
            <v>(社福)大阪市城東区社会福祉協議会</v>
          </cell>
        </row>
        <row r="89">
          <cell r="B89" t="str">
            <v>(社福)大阪市鶴見区社会福祉協議会</v>
          </cell>
        </row>
        <row r="90">
          <cell r="B90" t="str">
            <v>(社福)大阪市阿倍野区社会福祉協議会</v>
          </cell>
        </row>
        <row r="91">
          <cell r="B91" t="str">
            <v>(社福)大阪市住之江区社会福祉協議会</v>
          </cell>
        </row>
        <row r="92">
          <cell r="B92" t="str">
            <v>(社福)大阪市住吉区社会福祉協議会</v>
          </cell>
        </row>
        <row r="93">
          <cell r="B93" t="str">
            <v>(社福)大阪市東住吉区社会福祉協議会</v>
          </cell>
        </row>
        <row r="94">
          <cell r="B94" t="str">
            <v>(社福)大阪市平野区社会福祉協議会</v>
          </cell>
        </row>
        <row r="95">
          <cell r="B95" t="str">
            <v>(社福)大阪市西成区社会福祉協議会</v>
          </cell>
        </row>
        <row r="96">
          <cell r="B96" t="str">
            <v>堂島地下街(株)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様式17～19(提出依頼)"/>
      <sheetName val="様式17(見直し一覧)"/>
      <sheetName val="様式18（見直しチェックシート）"/>
      <sheetName val="チェックシート記載要領"/>
      <sheetName val="見直しポイント"/>
      <sheetName val="様式19(新規補助金概要シート)"/>
      <sheetName val="新規概要シート記載要領"/>
    </sheetNames>
    <sheetDataSet>
      <sheetData sheetId="0"/>
      <sheetData sheetId="1">
        <row r="38">
          <cell r="A38" t="str">
            <v>1-1</v>
          </cell>
        </row>
        <row r="39">
          <cell r="A39" t="str">
            <v>1-2</v>
          </cell>
        </row>
        <row r="40">
          <cell r="A40" t="str">
            <v>1-3</v>
          </cell>
        </row>
        <row r="41">
          <cell r="A41" t="str">
            <v>1-4</v>
          </cell>
        </row>
        <row r="42">
          <cell r="A42" t="str">
            <v>1-5</v>
          </cell>
        </row>
        <row r="43">
          <cell r="A43">
            <v>2</v>
          </cell>
        </row>
        <row r="44">
          <cell r="A44" t="str">
            <v>3-1</v>
          </cell>
        </row>
        <row r="45">
          <cell r="A45" t="str">
            <v>3-2</v>
          </cell>
        </row>
        <row r="46">
          <cell r="A46" t="str">
            <v>3-3</v>
          </cell>
        </row>
        <row r="47">
          <cell r="A47">
            <v>4</v>
          </cell>
        </row>
      </sheetData>
      <sheetData sheetId="2">
        <row r="50">
          <cell r="S50" t="str">
            <v>□</v>
          </cell>
        </row>
      </sheetData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Office 2013 - 2022 テーマ">
  <a:themeElements>
    <a:clrScheme name="Office 2013 - 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2013 - 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 2013 - 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1195EEA-7034-46B5-8E40-0A66C8E3D7F1}">
  <sheetPr>
    <tabColor rgb="FFFFFF00"/>
    <pageSetUpPr fitToPage="1"/>
  </sheetPr>
  <dimension ref="A1:BD57"/>
  <sheetViews>
    <sheetView tabSelected="1" zoomScaleNormal="100" zoomScaleSheetLayoutView="100" workbookViewId="0">
      <pane ySplit="8" topLeftCell="A9" activePane="bottomLeft" state="frozen"/>
      <selection activeCell="C24" sqref="C24:C26"/>
      <selection pane="bottomLeft" activeCell="I37" sqref="I37"/>
    </sheetView>
  </sheetViews>
  <sheetFormatPr defaultColWidth="8.59765625" defaultRowHeight="18" customHeight="1" outlineLevelCol="1"/>
  <cols>
    <col min="1" max="1" width="4.59765625" style="21" customWidth="1"/>
    <col min="2" max="4" width="1.19921875" style="4" customWidth="1"/>
    <col min="5" max="5" width="25.3984375" style="4" customWidth="1"/>
    <col min="6" max="6" width="31.3984375" style="12" customWidth="1"/>
    <col min="7" max="8" width="11.8984375" style="7" customWidth="1"/>
    <col min="9" max="9" width="11.8984375" style="13" customWidth="1"/>
    <col min="10" max="10" width="6.3984375" style="14" customWidth="1"/>
    <col min="11" max="11" width="6.3984375" style="15" customWidth="1"/>
    <col min="12" max="12" width="3.8984375" style="9" customWidth="1" outlineLevel="1"/>
    <col min="13" max="13" width="4" style="9" customWidth="1" outlineLevel="1"/>
    <col min="14" max="14" width="3.8984375" style="9" customWidth="1" outlineLevel="1"/>
    <col min="15" max="15" width="3.19921875" style="9" customWidth="1" outlineLevel="1"/>
    <col min="16" max="16" width="5" style="9" customWidth="1" outlineLevel="1"/>
    <col min="17" max="18" width="8.59765625" style="10" hidden="1" customWidth="1"/>
    <col min="19" max="19" width="23.8984375" style="10" bestFit="1" customWidth="1"/>
    <col min="20" max="20" width="16.09765625" style="61" bestFit="1" customWidth="1"/>
    <col min="21" max="25" width="8.59765625" style="62" customWidth="1"/>
    <col min="26" max="26" width="8.59765625" style="63" customWidth="1"/>
    <col min="27" max="31" width="8.59765625" style="62" customWidth="1"/>
    <col min="32" max="36" width="8.59765625" style="64" customWidth="1"/>
    <col min="37" max="37" width="22.8984375" style="64" customWidth="1"/>
    <col min="38" max="56" width="8.59765625" style="62" customWidth="1"/>
    <col min="57" max="191" width="8.59765625" style="10" customWidth="1"/>
    <col min="192" max="16384" width="8.59765625" style="10"/>
  </cols>
  <sheetData>
    <row r="1" spans="1:39" ht="18" customHeight="1">
      <c r="A1" s="3" t="s">
        <v>0</v>
      </c>
      <c r="C1" s="5"/>
      <c r="D1" s="5"/>
      <c r="E1" s="5"/>
      <c r="F1" s="6"/>
      <c r="I1" s="8"/>
      <c r="J1" s="86"/>
      <c r="K1" s="86"/>
    </row>
    <row r="2" spans="1:39" ht="15.75" customHeight="1">
      <c r="A2" s="10"/>
      <c r="C2" s="11"/>
      <c r="D2" s="11"/>
      <c r="E2" s="11"/>
      <c r="V2" s="83"/>
      <c r="W2" s="83"/>
      <c r="X2" s="83"/>
      <c r="Y2" s="83"/>
      <c r="Z2" s="83"/>
      <c r="AA2" s="83"/>
      <c r="AB2" s="83"/>
      <c r="AC2" s="83"/>
      <c r="AD2" s="83"/>
    </row>
    <row r="3" spans="1:39" ht="10.5" customHeight="1">
      <c r="A3" s="16"/>
      <c r="C3" s="17"/>
      <c r="D3" s="17"/>
      <c r="E3" s="17"/>
      <c r="F3" s="18"/>
      <c r="I3" s="19"/>
      <c r="K3" s="20"/>
      <c r="V3" s="83"/>
      <c r="W3" s="83"/>
      <c r="X3" s="83"/>
      <c r="Y3" s="83"/>
      <c r="Z3" s="83"/>
      <c r="AA3" s="83"/>
      <c r="AB3" s="83"/>
      <c r="AC3" s="83"/>
      <c r="AD3" s="83"/>
    </row>
    <row r="4" spans="1:39" ht="15" customHeight="1">
      <c r="G4" s="87"/>
      <c r="H4" s="87"/>
      <c r="I4" s="22"/>
      <c r="K4" s="23" t="s">
        <v>1</v>
      </c>
      <c r="L4" s="24"/>
      <c r="M4" s="24"/>
      <c r="N4" s="24"/>
      <c r="V4" s="83"/>
      <c r="W4" s="83"/>
      <c r="X4" s="83"/>
      <c r="Y4" s="83"/>
      <c r="Z4" s="83"/>
      <c r="AA4" s="83"/>
      <c r="AB4" s="83"/>
      <c r="AC4" s="83"/>
      <c r="AD4" s="83"/>
    </row>
    <row r="5" spans="1:39" ht="23.25" customHeight="1">
      <c r="G5" s="87"/>
      <c r="H5" s="87"/>
      <c r="I5" s="22"/>
      <c r="K5" s="25" t="s">
        <v>2</v>
      </c>
      <c r="L5" s="24"/>
      <c r="M5" s="24"/>
      <c r="N5" s="24"/>
      <c r="V5" s="83"/>
      <c r="W5" s="83"/>
      <c r="X5" s="83"/>
      <c r="Y5" s="83"/>
      <c r="Z5" s="83"/>
      <c r="AA5" s="83"/>
      <c r="AB5" s="83"/>
      <c r="AC5" s="83"/>
      <c r="AD5" s="83"/>
    </row>
    <row r="6" spans="1:39" ht="4.5" customHeight="1" thickBot="1">
      <c r="F6" s="26"/>
      <c r="G6" s="27"/>
      <c r="H6" s="27"/>
      <c r="I6" s="28"/>
      <c r="J6" s="29"/>
      <c r="K6" s="22"/>
      <c r="L6" s="24"/>
      <c r="M6" s="24"/>
      <c r="N6" s="24"/>
      <c r="V6" s="83"/>
      <c r="W6" s="83"/>
      <c r="X6" s="83"/>
      <c r="Y6" s="83"/>
      <c r="Z6" s="83"/>
      <c r="AA6" s="83"/>
      <c r="AB6" s="83"/>
      <c r="AC6" s="83"/>
      <c r="AD6" s="83"/>
      <c r="AF6" s="70"/>
      <c r="AG6" s="70"/>
      <c r="AH6" s="70"/>
      <c r="AI6" s="70"/>
      <c r="AJ6" s="70"/>
      <c r="AK6" s="70"/>
      <c r="AL6" s="70"/>
      <c r="AM6" s="70"/>
    </row>
    <row r="7" spans="1:39" ht="18.75" customHeight="1">
      <c r="A7" s="30" t="s">
        <v>3</v>
      </c>
      <c r="B7" s="71" t="s">
        <v>4</v>
      </c>
      <c r="C7" s="72"/>
      <c r="D7" s="72"/>
      <c r="E7" s="73"/>
      <c r="F7" s="77" t="s">
        <v>5</v>
      </c>
      <c r="G7" s="31" t="s">
        <v>34</v>
      </c>
      <c r="H7" s="31" t="s">
        <v>35</v>
      </c>
      <c r="I7" s="32" t="s">
        <v>6</v>
      </c>
      <c r="J7" s="79" t="s">
        <v>7</v>
      </c>
      <c r="K7" s="80"/>
      <c r="AF7" s="70"/>
      <c r="AG7" s="70"/>
      <c r="AH7" s="70"/>
      <c r="AI7" s="70"/>
      <c r="AJ7" s="70"/>
      <c r="AK7" s="70"/>
      <c r="AL7" s="70"/>
      <c r="AM7" s="70"/>
    </row>
    <row r="8" spans="1:39" ht="18.75" customHeight="1">
      <c r="A8" s="33" t="s">
        <v>8</v>
      </c>
      <c r="B8" s="74"/>
      <c r="C8" s="75"/>
      <c r="D8" s="75"/>
      <c r="E8" s="76"/>
      <c r="F8" s="78"/>
      <c r="G8" s="34" t="s">
        <v>9</v>
      </c>
      <c r="H8" s="34" t="s">
        <v>33</v>
      </c>
      <c r="I8" s="35" t="s">
        <v>10</v>
      </c>
      <c r="J8" s="81"/>
      <c r="K8" s="82"/>
      <c r="AF8" s="70"/>
      <c r="AG8" s="70"/>
      <c r="AH8" s="70"/>
      <c r="AI8" s="70"/>
      <c r="AJ8" s="70"/>
      <c r="AK8" s="70"/>
      <c r="AL8" s="70"/>
      <c r="AM8" s="70"/>
    </row>
    <row r="9" spans="1:39" ht="27" customHeight="1">
      <c r="A9" s="36">
        <v>1</v>
      </c>
      <c r="B9" s="84" t="s">
        <v>38</v>
      </c>
      <c r="C9" s="88"/>
      <c r="D9" s="88"/>
      <c r="E9" s="85"/>
      <c r="F9" s="1"/>
      <c r="G9" s="37">
        <v>7448</v>
      </c>
      <c r="H9" s="37">
        <v>7904</v>
      </c>
      <c r="I9" s="37">
        <v>456</v>
      </c>
      <c r="J9" s="38"/>
      <c r="K9" s="39"/>
      <c r="AB9" s="65"/>
      <c r="AC9" s="65"/>
      <c r="AD9" s="65"/>
    </row>
    <row r="10" spans="1:39" ht="27" customHeight="1">
      <c r="A10" s="36">
        <v>2</v>
      </c>
      <c r="B10" s="40"/>
      <c r="C10" s="84" t="s">
        <v>11</v>
      </c>
      <c r="D10" s="88"/>
      <c r="E10" s="85"/>
      <c r="F10" s="1"/>
      <c r="G10" s="37">
        <v>7448</v>
      </c>
      <c r="H10" s="37">
        <v>7904</v>
      </c>
      <c r="I10" s="37">
        <v>456</v>
      </c>
      <c r="J10" s="38"/>
      <c r="K10" s="41"/>
      <c r="AB10" s="65"/>
      <c r="AC10" s="65"/>
      <c r="AD10" s="65"/>
    </row>
    <row r="11" spans="1:39" ht="27" customHeight="1">
      <c r="A11" s="36">
        <v>3</v>
      </c>
      <c r="B11" s="42"/>
      <c r="C11" s="43"/>
      <c r="D11" s="84" t="s">
        <v>12</v>
      </c>
      <c r="E11" s="85"/>
      <c r="F11" s="44"/>
      <c r="G11" s="37">
        <v>7448</v>
      </c>
      <c r="H11" s="37">
        <v>7904</v>
      </c>
      <c r="I11" s="37">
        <v>456</v>
      </c>
      <c r="J11" s="38"/>
      <c r="K11" s="41"/>
      <c r="AB11" s="65"/>
      <c r="AC11" s="65"/>
      <c r="AD11" s="65"/>
    </row>
    <row r="12" spans="1:39" ht="27" customHeight="1">
      <c r="A12" s="36">
        <v>4</v>
      </c>
      <c r="B12" s="42"/>
      <c r="C12" s="42"/>
      <c r="D12" s="42"/>
      <c r="E12" s="45" t="s">
        <v>13</v>
      </c>
      <c r="F12" s="44" t="s">
        <v>14</v>
      </c>
      <c r="G12" s="37">
        <v>7448</v>
      </c>
      <c r="H12" s="37">
        <v>7904</v>
      </c>
      <c r="I12" s="37">
        <v>456</v>
      </c>
      <c r="J12" s="38"/>
      <c r="K12" s="41"/>
      <c r="AB12" s="65"/>
      <c r="AC12" s="65"/>
      <c r="AD12" s="65"/>
    </row>
    <row r="13" spans="1:39" ht="27" customHeight="1">
      <c r="A13" s="36">
        <v>5</v>
      </c>
      <c r="B13" s="84" t="s">
        <v>39</v>
      </c>
      <c r="C13" s="88"/>
      <c r="D13" s="88"/>
      <c r="E13" s="85"/>
      <c r="F13" s="44"/>
      <c r="G13" s="37">
        <v>469</v>
      </c>
      <c r="H13" s="37">
        <v>3399</v>
      </c>
      <c r="I13" s="37">
        <v>2930</v>
      </c>
      <c r="J13" s="38"/>
      <c r="K13" s="41"/>
      <c r="AB13" s="65"/>
      <c r="AC13" s="65"/>
      <c r="AD13" s="65"/>
    </row>
    <row r="14" spans="1:39" ht="27" customHeight="1">
      <c r="A14" s="36">
        <v>6</v>
      </c>
      <c r="B14" s="46"/>
      <c r="C14" s="84" t="s">
        <v>15</v>
      </c>
      <c r="D14" s="88"/>
      <c r="E14" s="85"/>
      <c r="F14" s="44"/>
      <c r="G14" s="37">
        <v>469</v>
      </c>
      <c r="H14" s="37">
        <v>3399</v>
      </c>
      <c r="I14" s="37">
        <v>2930</v>
      </c>
      <c r="J14" s="38"/>
      <c r="K14" s="41"/>
      <c r="AB14" s="65"/>
      <c r="AC14" s="65"/>
      <c r="AD14" s="65"/>
    </row>
    <row r="15" spans="1:39" ht="27" customHeight="1">
      <c r="A15" s="36">
        <v>7</v>
      </c>
      <c r="B15" s="47"/>
      <c r="C15" s="46"/>
      <c r="D15" s="84" t="s">
        <v>16</v>
      </c>
      <c r="E15" s="85"/>
      <c r="F15" s="44"/>
      <c r="G15" s="37">
        <v>469</v>
      </c>
      <c r="H15" s="37">
        <v>3399</v>
      </c>
      <c r="I15" s="37">
        <v>2930</v>
      </c>
      <c r="J15" s="38"/>
      <c r="K15" s="41"/>
      <c r="AB15" s="65"/>
      <c r="AC15" s="65"/>
      <c r="AD15" s="65"/>
    </row>
    <row r="16" spans="1:39" ht="40.5" customHeight="1">
      <c r="A16" s="36">
        <v>8</v>
      </c>
      <c r="B16" s="47"/>
      <c r="C16" s="47"/>
      <c r="D16" s="46"/>
      <c r="E16" s="48" t="s">
        <v>40</v>
      </c>
      <c r="F16" s="44" t="s">
        <v>36</v>
      </c>
      <c r="G16" s="37">
        <v>469</v>
      </c>
      <c r="H16" s="37">
        <v>3399</v>
      </c>
      <c r="I16" s="37">
        <v>2930</v>
      </c>
      <c r="J16" s="38"/>
      <c r="K16" s="41"/>
      <c r="AB16" s="65"/>
      <c r="AC16" s="65"/>
      <c r="AD16" s="65"/>
    </row>
    <row r="17" spans="1:30" ht="27" customHeight="1">
      <c r="A17" s="36">
        <v>9</v>
      </c>
      <c r="B17" s="84" t="s">
        <v>41</v>
      </c>
      <c r="C17" s="88"/>
      <c r="D17" s="88"/>
      <c r="E17" s="85"/>
      <c r="F17" s="44"/>
      <c r="G17" s="37">
        <v>253</v>
      </c>
      <c r="H17" s="37">
        <v>1625</v>
      </c>
      <c r="I17" s="37">
        <v>1372</v>
      </c>
      <c r="J17" s="38"/>
      <c r="K17" s="41"/>
      <c r="AB17" s="65"/>
      <c r="AC17" s="65"/>
      <c r="AD17" s="65"/>
    </row>
    <row r="18" spans="1:30" ht="27" customHeight="1">
      <c r="A18" s="36">
        <v>10</v>
      </c>
      <c r="B18" s="46"/>
      <c r="C18" s="84" t="s">
        <v>17</v>
      </c>
      <c r="D18" s="88"/>
      <c r="E18" s="85"/>
      <c r="F18" s="44"/>
      <c r="G18" s="37">
        <v>253</v>
      </c>
      <c r="H18" s="37">
        <v>1625</v>
      </c>
      <c r="I18" s="37">
        <v>1372</v>
      </c>
      <c r="J18" s="38"/>
      <c r="K18" s="41"/>
      <c r="AB18" s="65"/>
      <c r="AC18" s="65"/>
      <c r="AD18" s="65"/>
    </row>
    <row r="19" spans="1:30" ht="27" customHeight="1">
      <c r="A19" s="36">
        <v>11</v>
      </c>
      <c r="B19" s="47"/>
      <c r="C19" s="46"/>
      <c r="D19" s="84" t="s">
        <v>18</v>
      </c>
      <c r="E19" s="85"/>
      <c r="F19" s="44"/>
      <c r="G19" s="37">
        <v>253</v>
      </c>
      <c r="H19" s="37">
        <v>1625</v>
      </c>
      <c r="I19" s="37">
        <v>1372</v>
      </c>
      <c r="J19" s="38"/>
      <c r="K19" s="41"/>
      <c r="AB19" s="65"/>
      <c r="AC19" s="65"/>
      <c r="AD19" s="65"/>
    </row>
    <row r="20" spans="1:30" ht="40.5" customHeight="1">
      <c r="A20" s="36">
        <v>12</v>
      </c>
      <c r="B20" s="47"/>
      <c r="C20" s="47"/>
      <c r="D20" s="46"/>
      <c r="E20" s="59" t="s">
        <v>42</v>
      </c>
      <c r="F20" s="44" t="s">
        <v>37</v>
      </c>
      <c r="G20" s="60">
        <v>253</v>
      </c>
      <c r="H20" s="8">
        <v>1625</v>
      </c>
      <c r="I20" s="37">
        <v>1372</v>
      </c>
      <c r="J20" s="38"/>
      <c r="K20" s="41"/>
      <c r="AB20" s="65"/>
      <c r="AC20" s="65"/>
      <c r="AD20" s="65"/>
    </row>
    <row r="21" spans="1:30" ht="27" customHeight="1">
      <c r="A21" s="36">
        <v>13</v>
      </c>
      <c r="B21" s="84" t="s">
        <v>43</v>
      </c>
      <c r="C21" s="88"/>
      <c r="D21" s="88"/>
      <c r="E21" s="85"/>
      <c r="F21" s="1"/>
      <c r="G21" s="37">
        <v>663</v>
      </c>
      <c r="H21" s="37">
        <v>663</v>
      </c>
      <c r="I21" s="37">
        <v>0</v>
      </c>
      <c r="J21" s="38"/>
      <c r="K21" s="39"/>
      <c r="AB21" s="65"/>
      <c r="AC21" s="65"/>
      <c r="AD21" s="65"/>
    </row>
    <row r="22" spans="1:30" ht="27" customHeight="1">
      <c r="A22" s="36">
        <v>14</v>
      </c>
      <c r="B22" s="40"/>
      <c r="C22" s="84" t="s">
        <v>19</v>
      </c>
      <c r="D22" s="88"/>
      <c r="E22" s="85"/>
      <c r="F22" s="1"/>
      <c r="G22" s="37">
        <v>663</v>
      </c>
      <c r="H22" s="37">
        <v>663</v>
      </c>
      <c r="I22" s="37">
        <v>0</v>
      </c>
      <c r="J22" s="38"/>
      <c r="K22" s="41"/>
      <c r="AB22" s="65"/>
      <c r="AC22" s="65"/>
      <c r="AD22" s="65"/>
    </row>
    <row r="23" spans="1:30" ht="27" customHeight="1">
      <c r="A23" s="36">
        <v>15</v>
      </c>
      <c r="B23" s="42"/>
      <c r="C23" s="43"/>
      <c r="D23" s="84" t="s">
        <v>20</v>
      </c>
      <c r="E23" s="85"/>
      <c r="F23" s="44"/>
      <c r="G23" s="37">
        <v>663</v>
      </c>
      <c r="H23" s="37">
        <v>663</v>
      </c>
      <c r="I23" s="37">
        <v>0</v>
      </c>
      <c r="J23" s="38"/>
      <c r="K23" s="41"/>
      <c r="AB23" s="65"/>
      <c r="AC23" s="65"/>
      <c r="AD23" s="65"/>
    </row>
    <row r="24" spans="1:30" ht="27" customHeight="1">
      <c r="A24" s="36">
        <v>16</v>
      </c>
      <c r="B24" s="42"/>
      <c r="C24" s="42"/>
      <c r="D24" s="43"/>
      <c r="E24" s="45" t="s">
        <v>21</v>
      </c>
      <c r="F24" s="44" t="s">
        <v>22</v>
      </c>
      <c r="G24" s="37">
        <v>663</v>
      </c>
      <c r="H24" s="37">
        <v>663</v>
      </c>
      <c r="I24" s="37">
        <v>0</v>
      </c>
      <c r="J24" s="38"/>
      <c r="K24" s="41"/>
      <c r="AB24" s="65"/>
      <c r="AC24" s="65"/>
      <c r="AD24" s="65"/>
    </row>
    <row r="25" spans="1:30" ht="27" customHeight="1">
      <c r="A25" s="36">
        <v>17</v>
      </c>
      <c r="B25" s="84" t="s">
        <v>44</v>
      </c>
      <c r="C25" s="88"/>
      <c r="D25" s="88"/>
      <c r="E25" s="85"/>
      <c r="F25" s="1"/>
      <c r="G25" s="37">
        <v>14704</v>
      </c>
      <c r="H25" s="37">
        <v>7319</v>
      </c>
      <c r="I25" s="37">
        <v>-7385</v>
      </c>
      <c r="J25" s="38"/>
      <c r="K25" s="39"/>
      <c r="AB25" s="65"/>
      <c r="AC25" s="65"/>
      <c r="AD25" s="65"/>
    </row>
    <row r="26" spans="1:30" ht="27" customHeight="1">
      <c r="A26" s="36">
        <v>18</v>
      </c>
      <c r="B26" s="42"/>
      <c r="C26" s="84" t="s">
        <v>23</v>
      </c>
      <c r="D26" s="88"/>
      <c r="E26" s="85"/>
      <c r="F26" s="1"/>
      <c r="G26" s="37">
        <v>14704</v>
      </c>
      <c r="H26" s="37">
        <v>7319</v>
      </c>
      <c r="I26" s="37">
        <v>-7385</v>
      </c>
      <c r="J26" s="38"/>
      <c r="K26" s="41"/>
      <c r="AB26" s="65"/>
      <c r="AC26" s="65"/>
      <c r="AD26" s="65"/>
    </row>
    <row r="27" spans="1:30" ht="27" customHeight="1">
      <c r="A27" s="36">
        <v>19</v>
      </c>
      <c r="B27" s="42"/>
      <c r="C27" s="42"/>
      <c r="D27" s="84" t="s">
        <v>45</v>
      </c>
      <c r="E27" s="85"/>
      <c r="F27" s="44"/>
      <c r="G27" s="37">
        <v>14704</v>
      </c>
      <c r="H27" s="37">
        <v>7319</v>
      </c>
      <c r="I27" s="37">
        <v>-7385</v>
      </c>
      <c r="J27" s="38"/>
      <c r="K27" s="41"/>
      <c r="AB27" s="65"/>
      <c r="AC27" s="65"/>
      <c r="AD27" s="65"/>
    </row>
    <row r="28" spans="1:30" ht="27" customHeight="1">
      <c r="A28" s="36">
        <v>20</v>
      </c>
      <c r="B28" s="42"/>
      <c r="C28" s="42"/>
      <c r="D28" s="42"/>
      <c r="E28" s="49" t="s">
        <v>24</v>
      </c>
      <c r="F28" s="45" t="s">
        <v>25</v>
      </c>
      <c r="G28" s="37">
        <v>14704</v>
      </c>
      <c r="H28" s="37">
        <v>7319</v>
      </c>
      <c r="I28" s="37">
        <v>-7385</v>
      </c>
      <c r="J28" s="38"/>
      <c r="K28" s="41"/>
      <c r="AB28" s="65"/>
      <c r="AC28" s="65"/>
      <c r="AD28" s="65"/>
    </row>
    <row r="29" spans="1:30" ht="27" customHeight="1">
      <c r="A29" s="36">
        <v>21</v>
      </c>
      <c r="B29" s="84" t="s">
        <v>46</v>
      </c>
      <c r="C29" s="88"/>
      <c r="D29" s="88"/>
      <c r="E29" s="85"/>
      <c r="F29" s="1"/>
      <c r="G29" s="37">
        <v>6313</v>
      </c>
      <c r="H29" s="37">
        <v>6429</v>
      </c>
      <c r="I29" s="37">
        <v>116</v>
      </c>
      <c r="J29" s="38"/>
      <c r="K29" s="39"/>
      <c r="AB29" s="65"/>
      <c r="AC29" s="65"/>
      <c r="AD29" s="65"/>
    </row>
    <row r="30" spans="1:30" ht="27" customHeight="1">
      <c r="A30" s="36">
        <v>22</v>
      </c>
      <c r="B30" s="42"/>
      <c r="C30" s="84" t="s">
        <v>26</v>
      </c>
      <c r="D30" s="88"/>
      <c r="E30" s="85"/>
      <c r="F30" s="2"/>
      <c r="G30" s="50">
        <v>6313</v>
      </c>
      <c r="H30" s="50">
        <v>6429</v>
      </c>
      <c r="I30" s="50">
        <v>116</v>
      </c>
      <c r="J30" s="51"/>
      <c r="K30" s="52"/>
      <c r="AB30" s="65"/>
      <c r="AC30" s="65"/>
      <c r="AD30" s="65"/>
    </row>
    <row r="31" spans="1:30" ht="27" customHeight="1">
      <c r="A31" s="36">
        <v>23</v>
      </c>
      <c r="B31" s="42"/>
      <c r="C31" s="42"/>
      <c r="D31" s="84" t="s">
        <v>27</v>
      </c>
      <c r="E31" s="85"/>
      <c r="F31" s="53"/>
      <c r="G31" s="50">
        <v>3</v>
      </c>
      <c r="H31" s="37">
        <v>3</v>
      </c>
      <c r="I31" s="50">
        <v>0</v>
      </c>
      <c r="J31" s="51"/>
      <c r="K31" s="52"/>
      <c r="AB31" s="65"/>
      <c r="AC31" s="65"/>
      <c r="AD31" s="65"/>
    </row>
    <row r="32" spans="1:30" ht="27" customHeight="1">
      <c r="A32" s="36">
        <v>24</v>
      </c>
      <c r="B32" s="42"/>
      <c r="C32" s="42"/>
      <c r="D32" s="42"/>
      <c r="E32" s="49" t="s">
        <v>28</v>
      </c>
      <c r="F32" s="53" t="s">
        <v>29</v>
      </c>
      <c r="G32" s="50">
        <v>3</v>
      </c>
      <c r="H32" s="37">
        <v>3</v>
      </c>
      <c r="I32" s="50">
        <v>0</v>
      </c>
      <c r="J32" s="51"/>
      <c r="K32" s="52"/>
      <c r="AB32" s="65"/>
      <c r="AC32" s="65"/>
      <c r="AD32" s="65"/>
    </row>
    <row r="33" spans="1:56" ht="27" customHeight="1">
      <c r="A33" s="36">
        <v>25</v>
      </c>
      <c r="B33" s="42"/>
      <c r="C33" s="42"/>
      <c r="D33" s="84" t="s">
        <v>47</v>
      </c>
      <c r="E33" s="85"/>
      <c r="F33" s="44"/>
      <c r="G33" s="37">
        <v>6310</v>
      </c>
      <c r="H33" s="37">
        <v>6426</v>
      </c>
      <c r="I33" s="37">
        <v>116</v>
      </c>
      <c r="J33" s="38"/>
      <c r="K33" s="41"/>
      <c r="AB33" s="65"/>
      <c r="AC33" s="65"/>
      <c r="AD33" s="65"/>
    </row>
    <row r="34" spans="1:56" ht="27" customHeight="1">
      <c r="A34" s="36">
        <v>26</v>
      </c>
      <c r="B34" s="42"/>
      <c r="C34" s="42"/>
      <c r="D34" s="43"/>
      <c r="E34" s="48" t="s">
        <v>30</v>
      </c>
      <c r="F34" s="44" t="s">
        <v>31</v>
      </c>
      <c r="G34" s="37">
        <v>6310</v>
      </c>
      <c r="H34" s="37">
        <v>6426</v>
      </c>
      <c r="I34" s="37">
        <v>116</v>
      </c>
      <c r="J34" s="38"/>
      <c r="K34" s="41"/>
      <c r="AB34" s="65"/>
      <c r="AC34" s="65"/>
      <c r="AD34" s="65"/>
    </row>
    <row r="35" spans="1:56" ht="27" customHeight="1" thickBot="1">
      <c r="A35" s="89" t="s">
        <v>32</v>
      </c>
      <c r="B35" s="90"/>
      <c r="C35" s="90"/>
      <c r="D35" s="90"/>
      <c r="E35" s="91"/>
      <c r="F35" s="54"/>
      <c r="G35" s="55">
        <v>29850</v>
      </c>
      <c r="H35" s="55">
        <v>27339</v>
      </c>
      <c r="I35" s="56">
        <v>-2511</v>
      </c>
      <c r="J35" s="57"/>
      <c r="K35" s="58"/>
      <c r="AB35" s="65"/>
      <c r="AC35" s="65"/>
      <c r="AD35" s="65"/>
    </row>
    <row r="40" spans="1:56" s="7" customFormat="1" ht="18" customHeight="1">
      <c r="A40" s="21"/>
      <c r="B40" s="4"/>
      <c r="C40" s="4"/>
      <c r="D40" s="4"/>
      <c r="E40" s="4"/>
      <c r="F40" s="12"/>
      <c r="I40" s="13"/>
      <c r="J40" s="14"/>
      <c r="K40" s="15"/>
      <c r="L40" s="9"/>
      <c r="M40" s="9"/>
      <c r="N40" s="9"/>
      <c r="O40" s="9"/>
      <c r="P40" s="9"/>
      <c r="T40" s="66"/>
      <c r="U40" s="67"/>
      <c r="V40" s="67"/>
      <c r="W40" s="67"/>
      <c r="X40" s="67"/>
      <c r="Y40" s="67"/>
      <c r="Z40" s="68"/>
      <c r="AA40" s="67"/>
      <c r="AB40" s="67"/>
      <c r="AC40" s="67"/>
      <c r="AD40" s="67"/>
      <c r="AE40" s="67"/>
      <c r="AF40" s="69"/>
      <c r="AG40" s="69"/>
      <c r="AH40" s="69"/>
      <c r="AI40" s="69"/>
      <c r="AJ40" s="69"/>
      <c r="AK40" s="69"/>
      <c r="AL40" s="67"/>
      <c r="AM40" s="67"/>
      <c r="AN40" s="67"/>
      <c r="AO40" s="67"/>
      <c r="AP40" s="67"/>
      <c r="AQ40" s="67"/>
      <c r="AR40" s="67"/>
      <c r="AS40" s="67"/>
      <c r="AT40" s="67"/>
      <c r="AU40" s="67"/>
      <c r="AV40" s="67"/>
      <c r="AW40" s="67"/>
      <c r="AX40" s="67"/>
      <c r="AY40" s="67"/>
      <c r="AZ40" s="67"/>
      <c r="BA40" s="67"/>
      <c r="BB40" s="67"/>
      <c r="BC40" s="67"/>
      <c r="BD40" s="67"/>
    </row>
    <row r="41" spans="1:56" s="7" customFormat="1" ht="18" customHeight="1">
      <c r="A41" s="21"/>
      <c r="B41" s="4"/>
      <c r="C41" s="4"/>
      <c r="D41" s="4"/>
      <c r="E41" s="4"/>
      <c r="F41" s="12"/>
      <c r="I41" s="13"/>
      <c r="J41" s="14"/>
      <c r="K41" s="15"/>
      <c r="L41" s="9"/>
      <c r="M41" s="9"/>
      <c r="N41" s="9"/>
      <c r="O41" s="9"/>
      <c r="P41" s="9"/>
      <c r="T41" s="66"/>
      <c r="U41" s="67"/>
      <c r="V41" s="67"/>
      <c r="W41" s="67"/>
      <c r="X41" s="67"/>
      <c r="Y41" s="67"/>
      <c r="Z41" s="68"/>
      <c r="AA41" s="67"/>
      <c r="AB41" s="67"/>
      <c r="AC41" s="67"/>
      <c r="AD41" s="67"/>
      <c r="AE41" s="67"/>
      <c r="AF41" s="69"/>
      <c r="AG41" s="69"/>
      <c r="AH41" s="69"/>
      <c r="AI41" s="69"/>
      <c r="AJ41" s="69"/>
      <c r="AK41" s="69"/>
      <c r="AL41" s="67"/>
      <c r="AM41" s="67"/>
      <c r="AN41" s="67"/>
      <c r="AO41" s="67"/>
      <c r="AP41" s="67"/>
      <c r="AQ41" s="67"/>
      <c r="AR41" s="67"/>
      <c r="AS41" s="67"/>
      <c r="AT41" s="67"/>
      <c r="AU41" s="67"/>
      <c r="AV41" s="67"/>
      <c r="AW41" s="67"/>
      <c r="AX41" s="67"/>
      <c r="AY41" s="67"/>
      <c r="AZ41" s="67"/>
      <c r="BA41" s="67"/>
      <c r="BB41" s="67"/>
      <c r="BC41" s="67"/>
      <c r="BD41" s="67"/>
    </row>
    <row r="42" spans="1:56" s="7" customFormat="1" ht="18" customHeight="1">
      <c r="A42" s="21"/>
      <c r="B42" s="4"/>
      <c r="C42" s="4"/>
      <c r="D42" s="4"/>
      <c r="E42" s="4"/>
      <c r="F42" s="12"/>
      <c r="I42" s="13"/>
      <c r="J42" s="14"/>
      <c r="K42" s="15"/>
      <c r="L42" s="9"/>
      <c r="M42" s="9"/>
      <c r="N42" s="9"/>
      <c r="O42" s="9"/>
      <c r="P42" s="9"/>
      <c r="T42" s="66"/>
      <c r="U42" s="67"/>
      <c r="V42" s="67"/>
      <c r="W42" s="67"/>
      <c r="X42" s="67"/>
      <c r="Y42" s="67"/>
      <c r="Z42" s="68"/>
      <c r="AA42" s="67"/>
      <c r="AB42" s="67"/>
      <c r="AC42" s="67"/>
      <c r="AD42" s="67"/>
      <c r="AE42" s="67"/>
      <c r="AF42" s="69"/>
      <c r="AG42" s="69"/>
      <c r="AH42" s="69"/>
      <c r="AI42" s="69"/>
      <c r="AJ42" s="69"/>
      <c r="AK42" s="69"/>
      <c r="AL42" s="67"/>
      <c r="AM42" s="67"/>
      <c r="AN42" s="67"/>
      <c r="AO42" s="67"/>
      <c r="AP42" s="67"/>
      <c r="AQ42" s="67"/>
      <c r="AR42" s="67"/>
      <c r="AS42" s="67"/>
      <c r="AT42" s="67"/>
      <c r="AU42" s="67"/>
      <c r="AV42" s="67"/>
      <c r="AW42" s="67"/>
      <c r="AX42" s="67"/>
      <c r="AY42" s="67"/>
      <c r="AZ42" s="67"/>
      <c r="BA42" s="67"/>
      <c r="BB42" s="67"/>
      <c r="BC42" s="67"/>
      <c r="BD42" s="67"/>
    </row>
    <row r="43" spans="1:56" s="7" customFormat="1" ht="18" customHeight="1">
      <c r="A43" s="21"/>
      <c r="B43" s="4"/>
      <c r="C43" s="4"/>
      <c r="D43" s="4"/>
      <c r="E43" s="4"/>
      <c r="F43" s="12"/>
      <c r="I43" s="13"/>
      <c r="J43" s="14"/>
      <c r="K43" s="15"/>
      <c r="L43" s="9"/>
      <c r="M43" s="9"/>
      <c r="N43" s="9"/>
      <c r="O43" s="9"/>
      <c r="P43" s="9"/>
      <c r="T43" s="66"/>
      <c r="U43" s="67"/>
      <c r="V43" s="67"/>
      <c r="W43" s="67"/>
      <c r="X43" s="67"/>
      <c r="Y43" s="67"/>
      <c r="Z43" s="68"/>
      <c r="AA43" s="67"/>
      <c r="AB43" s="67"/>
      <c r="AC43" s="67"/>
      <c r="AD43" s="67"/>
      <c r="AE43" s="67"/>
      <c r="AF43" s="69"/>
      <c r="AG43" s="69"/>
      <c r="AH43" s="69"/>
      <c r="AI43" s="69"/>
      <c r="AJ43" s="69"/>
      <c r="AK43" s="69"/>
      <c r="AL43" s="67"/>
      <c r="AM43" s="67"/>
      <c r="AN43" s="67"/>
      <c r="AO43" s="67"/>
      <c r="AP43" s="67"/>
      <c r="AQ43" s="67"/>
      <c r="AR43" s="67"/>
      <c r="AS43" s="67"/>
      <c r="AT43" s="67"/>
      <c r="AU43" s="67"/>
      <c r="AV43" s="67"/>
      <c r="AW43" s="67"/>
      <c r="AX43" s="67"/>
      <c r="AY43" s="67"/>
      <c r="AZ43" s="67"/>
      <c r="BA43" s="67"/>
      <c r="BB43" s="67"/>
      <c r="BC43" s="67"/>
      <c r="BD43" s="67"/>
    </row>
    <row r="44" spans="1:56" s="7" customFormat="1" ht="18" customHeight="1">
      <c r="A44" s="21"/>
      <c r="B44" s="4"/>
      <c r="C44" s="4"/>
      <c r="D44" s="4"/>
      <c r="E44" s="4"/>
      <c r="F44" s="12"/>
      <c r="I44" s="13"/>
      <c r="J44" s="14"/>
      <c r="K44" s="15"/>
      <c r="L44" s="9"/>
      <c r="M44" s="9"/>
      <c r="N44" s="9"/>
      <c r="O44" s="9"/>
      <c r="P44" s="9"/>
      <c r="T44" s="66"/>
      <c r="U44" s="67"/>
      <c r="V44" s="67"/>
      <c r="W44" s="67"/>
      <c r="X44" s="67"/>
      <c r="Y44" s="67"/>
      <c r="Z44" s="68"/>
      <c r="AA44" s="67"/>
      <c r="AB44" s="67"/>
      <c r="AC44" s="67"/>
      <c r="AD44" s="67"/>
      <c r="AE44" s="67"/>
      <c r="AF44" s="69"/>
      <c r="AG44" s="69"/>
      <c r="AH44" s="69"/>
      <c r="AI44" s="69"/>
      <c r="AJ44" s="69"/>
      <c r="AK44" s="69"/>
      <c r="AL44" s="67"/>
      <c r="AM44" s="67"/>
      <c r="AN44" s="67"/>
      <c r="AO44" s="67"/>
      <c r="AP44" s="67"/>
      <c r="AQ44" s="67"/>
      <c r="AR44" s="67"/>
      <c r="AS44" s="67"/>
      <c r="AT44" s="67"/>
      <c r="AU44" s="67"/>
      <c r="AV44" s="67"/>
      <c r="AW44" s="67"/>
      <c r="AX44" s="67"/>
      <c r="AY44" s="67"/>
      <c r="AZ44" s="67"/>
      <c r="BA44" s="67"/>
      <c r="BB44" s="67"/>
      <c r="BC44" s="67"/>
      <c r="BD44" s="67"/>
    </row>
    <row r="45" spans="1:56" s="7" customFormat="1" ht="18" customHeight="1">
      <c r="A45" s="21"/>
      <c r="B45" s="4"/>
      <c r="C45" s="4"/>
      <c r="D45" s="4"/>
      <c r="E45" s="4"/>
      <c r="F45" s="12"/>
      <c r="I45" s="13"/>
      <c r="J45" s="14"/>
      <c r="K45" s="15"/>
      <c r="L45" s="9"/>
      <c r="M45" s="9"/>
      <c r="N45" s="9"/>
      <c r="O45" s="9"/>
      <c r="P45" s="9"/>
      <c r="T45" s="66"/>
      <c r="U45" s="67"/>
      <c r="V45" s="67"/>
      <c r="W45" s="67"/>
      <c r="X45" s="67"/>
      <c r="Y45" s="67"/>
      <c r="Z45" s="68"/>
      <c r="AA45" s="67"/>
      <c r="AB45" s="67"/>
      <c r="AC45" s="67"/>
      <c r="AD45" s="67"/>
      <c r="AE45" s="67"/>
      <c r="AF45" s="69"/>
      <c r="AG45" s="69"/>
      <c r="AH45" s="69"/>
      <c r="AI45" s="69"/>
      <c r="AJ45" s="69"/>
      <c r="AK45" s="69"/>
      <c r="AL45" s="67"/>
      <c r="AM45" s="67"/>
      <c r="AN45" s="67"/>
      <c r="AO45" s="67"/>
      <c r="AP45" s="67"/>
      <c r="AQ45" s="67"/>
      <c r="AR45" s="67"/>
      <c r="AS45" s="67"/>
      <c r="AT45" s="67"/>
      <c r="AU45" s="67"/>
      <c r="AV45" s="67"/>
      <c r="AW45" s="67"/>
      <c r="AX45" s="67"/>
      <c r="AY45" s="67"/>
      <c r="AZ45" s="67"/>
      <c r="BA45" s="67"/>
      <c r="BB45" s="67"/>
      <c r="BC45" s="67"/>
      <c r="BD45" s="67"/>
    </row>
    <row r="46" spans="1:56" s="7" customFormat="1" ht="18" customHeight="1">
      <c r="A46" s="21"/>
      <c r="B46" s="4"/>
      <c r="C46" s="4"/>
      <c r="D46" s="4"/>
      <c r="E46" s="4"/>
      <c r="F46" s="12"/>
      <c r="I46" s="13"/>
      <c r="J46" s="14"/>
      <c r="K46" s="15"/>
      <c r="L46" s="9"/>
      <c r="M46" s="9"/>
      <c r="N46" s="9"/>
      <c r="O46" s="9"/>
      <c r="P46" s="9"/>
      <c r="T46" s="66"/>
      <c r="U46" s="67"/>
      <c r="V46" s="67"/>
      <c r="W46" s="67"/>
      <c r="X46" s="67"/>
      <c r="Y46" s="67"/>
      <c r="Z46" s="68"/>
      <c r="AA46" s="67"/>
      <c r="AB46" s="67"/>
      <c r="AC46" s="67"/>
      <c r="AD46" s="67"/>
      <c r="AE46" s="67"/>
      <c r="AF46" s="69"/>
      <c r="AG46" s="69"/>
      <c r="AH46" s="69"/>
      <c r="AI46" s="69"/>
      <c r="AJ46" s="69"/>
      <c r="AK46" s="69"/>
      <c r="AL46" s="67"/>
      <c r="AM46" s="67"/>
      <c r="AN46" s="67"/>
      <c r="AO46" s="67"/>
      <c r="AP46" s="67"/>
      <c r="AQ46" s="67"/>
      <c r="AR46" s="67"/>
      <c r="AS46" s="67"/>
      <c r="AT46" s="67"/>
      <c r="AU46" s="67"/>
      <c r="AV46" s="67"/>
      <c r="AW46" s="67"/>
      <c r="AX46" s="67"/>
      <c r="AY46" s="67"/>
      <c r="AZ46" s="67"/>
      <c r="BA46" s="67"/>
      <c r="BB46" s="67"/>
      <c r="BC46" s="67"/>
      <c r="BD46" s="67"/>
    </row>
    <row r="47" spans="1:56" s="7" customFormat="1" ht="18" customHeight="1">
      <c r="A47" s="21"/>
      <c r="B47" s="4"/>
      <c r="C47" s="4"/>
      <c r="D47" s="4"/>
      <c r="E47" s="4"/>
      <c r="F47" s="12"/>
      <c r="I47" s="13"/>
      <c r="J47" s="14"/>
      <c r="K47" s="15"/>
      <c r="L47" s="9"/>
      <c r="M47" s="9"/>
      <c r="N47" s="9"/>
      <c r="O47" s="9"/>
      <c r="P47" s="9"/>
      <c r="T47" s="66"/>
      <c r="U47" s="67"/>
      <c r="V47" s="67"/>
      <c r="W47" s="67"/>
      <c r="X47" s="67"/>
      <c r="Y47" s="67"/>
      <c r="Z47" s="68"/>
      <c r="AA47" s="67"/>
      <c r="AB47" s="67"/>
      <c r="AC47" s="67"/>
      <c r="AD47" s="67"/>
      <c r="AE47" s="67"/>
      <c r="AF47" s="69"/>
      <c r="AG47" s="69"/>
      <c r="AH47" s="69"/>
      <c r="AI47" s="69"/>
      <c r="AJ47" s="69"/>
      <c r="AK47" s="69"/>
      <c r="AL47" s="67"/>
      <c r="AM47" s="67"/>
      <c r="AN47" s="67"/>
      <c r="AO47" s="67"/>
      <c r="AP47" s="67"/>
      <c r="AQ47" s="67"/>
      <c r="AR47" s="67"/>
      <c r="AS47" s="67"/>
      <c r="AT47" s="67"/>
      <c r="AU47" s="67"/>
      <c r="AV47" s="67"/>
      <c r="AW47" s="67"/>
      <c r="AX47" s="67"/>
      <c r="AY47" s="67"/>
      <c r="AZ47" s="67"/>
      <c r="BA47" s="67"/>
      <c r="BB47" s="67"/>
      <c r="BC47" s="67"/>
      <c r="BD47" s="67"/>
    </row>
    <row r="48" spans="1:56" s="7" customFormat="1" ht="18" customHeight="1">
      <c r="A48" s="21"/>
      <c r="B48" s="4"/>
      <c r="C48" s="4"/>
      <c r="D48" s="4"/>
      <c r="E48" s="4"/>
      <c r="F48" s="12"/>
      <c r="I48" s="13"/>
      <c r="J48" s="14"/>
      <c r="K48" s="15"/>
      <c r="L48" s="9"/>
      <c r="M48" s="9"/>
      <c r="N48" s="9"/>
      <c r="O48" s="9"/>
      <c r="P48" s="9"/>
      <c r="T48" s="66"/>
      <c r="U48" s="67"/>
      <c r="V48" s="67"/>
      <c r="W48" s="67"/>
      <c r="X48" s="67"/>
      <c r="Y48" s="67"/>
      <c r="Z48" s="68"/>
      <c r="AA48" s="67"/>
      <c r="AB48" s="67"/>
      <c r="AC48" s="67"/>
      <c r="AD48" s="67"/>
      <c r="AE48" s="67"/>
      <c r="AF48" s="69"/>
      <c r="AG48" s="69"/>
      <c r="AH48" s="69"/>
      <c r="AI48" s="69"/>
      <c r="AJ48" s="69"/>
      <c r="AK48" s="69"/>
      <c r="AL48" s="67"/>
      <c r="AM48" s="67"/>
      <c r="AN48" s="67"/>
      <c r="AO48" s="67"/>
      <c r="AP48" s="67"/>
      <c r="AQ48" s="67"/>
      <c r="AR48" s="67"/>
      <c r="AS48" s="67"/>
      <c r="AT48" s="67"/>
      <c r="AU48" s="67"/>
      <c r="AV48" s="67"/>
      <c r="AW48" s="67"/>
      <c r="AX48" s="67"/>
      <c r="AY48" s="67"/>
      <c r="AZ48" s="67"/>
      <c r="BA48" s="67"/>
      <c r="BB48" s="67"/>
      <c r="BC48" s="67"/>
      <c r="BD48" s="67"/>
    </row>
    <row r="49" spans="1:56" s="7" customFormat="1" ht="18" customHeight="1">
      <c r="A49" s="21"/>
      <c r="B49" s="4"/>
      <c r="C49" s="4"/>
      <c r="D49" s="4"/>
      <c r="E49" s="4"/>
      <c r="F49" s="12"/>
      <c r="I49" s="13"/>
      <c r="J49" s="14"/>
      <c r="K49" s="15"/>
      <c r="L49" s="9"/>
      <c r="M49" s="9"/>
      <c r="N49" s="9"/>
      <c r="O49" s="9"/>
      <c r="P49" s="9"/>
      <c r="T49" s="66"/>
      <c r="U49" s="67"/>
      <c r="V49" s="67"/>
      <c r="W49" s="67"/>
      <c r="X49" s="67"/>
      <c r="Y49" s="67"/>
      <c r="Z49" s="68"/>
      <c r="AA49" s="67"/>
      <c r="AB49" s="67"/>
      <c r="AC49" s="67"/>
      <c r="AD49" s="67"/>
      <c r="AE49" s="67"/>
      <c r="AF49" s="69"/>
      <c r="AG49" s="69"/>
      <c r="AH49" s="69"/>
      <c r="AI49" s="69"/>
      <c r="AJ49" s="69"/>
      <c r="AK49" s="69"/>
      <c r="AL49" s="67"/>
      <c r="AM49" s="67"/>
      <c r="AN49" s="67"/>
      <c r="AO49" s="67"/>
      <c r="AP49" s="67"/>
      <c r="AQ49" s="67"/>
      <c r="AR49" s="67"/>
      <c r="AS49" s="67"/>
      <c r="AT49" s="67"/>
      <c r="AU49" s="67"/>
      <c r="AV49" s="67"/>
      <c r="AW49" s="67"/>
      <c r="AX49" s="67"/>
      <c r="AY49" s="67"/>
      <c r="AZ49" s="67"/>
      <c r="BA49" s="67"/>
      <c r="BB49" s="67"/>
      <c r="BC49" s="67"/>
      <c r="BD49" s="67"/>
    </row>
    <row r="50" spans="1:56" s="7" customFormat="1" ht="18" customHeight="1">
      <c r="A50" s="21"/>
      <c r="B50" s="4"/>
      <c r="C50" s="4"/>
      <c r="D50" s="4"/>
      <c r="E50" s="4"/>
      <c r="F50" s="12"/>
      <c r="I50" s="13"/>
      <c r="J50" s="14"/>
      <c r="K50" s="15"/>
      <c r="L50" s="9"/>
      <c r="M50" s="9"/>
      <c r="N50" s="9"/>
      <c r="O50" s="9"/>
      <c r="P50" s="9"/>
      <c r="T50" s="66"/>
      <c r="U50" s="67"/>
      <c r="V50" s="67"/>
      <c r="W50" s="67"/>
      <c r="X50" s="67"/>
      <c r="Y50" s="67"/>
      <c r="Z50" s="68"/>
      <c r="AA50" s="67"/>
      <c r="AB50" s="67"/>
      <c r="AC50" s="67"/>
      <c r="AD50" s="67"/>
      <c r="AE50" s="67"/>
      <c r="AF50" s="69"/>
      <c r="AG50" s="69"/>
      <c r="AH50" s="69"/>
      <c r="AI50" s="69"/>
      <c r="AJ50" s="69"/>
      <c r="AK50" s="69"/>
      <c r="AL50" s="67"/>
      <c r="AM50" s="67"/>
      <c r="AN50" s="67"/>
      <c r="AO50" s="67"/>
      <c r="AP50" s="67"/>
      <c r="AQ50" s="67"/>
      <c r="AR50" s="67"/>
      <c r="AS50" s="67"/>
      <c r="AT50" s="67"/>
      <c r="AU50" s="67"/>
      <c r="AV50" s="67"/>
      <c r="AW50" s="67"/>
      <c r="AX50" s="67"/>
      <c r="AY50" s="67"/>
      <c r="AZ50" s="67"/>
      <c r="BA50" s="67"/>
      <c r="BB50" s="67"/>
      <c r="BC50" s="67"/>
      <c r="BD50" s="67"/>
    </row>
    <row r="51" spans="1:56" s="7" customFormat="1" ht="18" customHeight="1">
      <c r="A51" s="21"/>
      <c r="B51" s="4"/>
      <c r="C51" s="4"/>
      <c r="D51" s="4"/>
      <c r="E51" s="4"/>
      <c r="F51" s="12"/>
      <c r="I51" s="13"/>
      <c r="J51" s="14"/>
      <c r="K51" s="15"/>
      <c r="L51" s="9"/>
      <c r="M51" s="9"/>
      <c r="N51" s="9"/>
      <c r="O51" s="9"/>
      <c r="P51" s="9"/>
      <c r="T51" s="66"/>
      <c r="U51" s="67"/>
      <c r="V51" s="67"/>
      <c r="W51" s="67"/>
      <c r="X51" s="67"/>
      <c r="Y51" s="67"/>
      <c r="Z51" s="68"/>
      <c r="AA51" s="67"/>
      <c r="AB51" s="67"/>
      <c r="AC51" s="67"/>
      <c r="AD51" s="67"/>
      <c r="AE51" s="67"/>
      <c r="AF51" s="69"/>
      <c r="AG51" s="69"/>
      <c r="AH51" s="69"/>
      <c r="AI51" s="69"/>
      <c r="AJ51" s="69"/>
      <c r="AK51" s="69"/>
      <c r="AL51" s="67"/>
      <c r="AM51" s="67"/>
      <c r="AN51" s="67"/>
      <c r="AO51" s="67"/>
      <c r="AP51" s="67"/>
      <c r="AQ51" s="67"/>
      <c r="AR51" s="67"/>
      <c r="AS51" s="67"/>
      <c r="AT51" s="67"/>
      <c r="AU51" s="67"/>
      <c r="AV51" s="67"/>
      <c r="AW51" s="67"/>
      <c r="AX51" s="67"/>
      <c r="AY51" s="67"/>
      <c r="AZ51" s="67"/>
      <c r="BA51" s="67"/>
      <c r="BB51" s="67"/>
      <c r="BC51" s="67"/>
      <c r="BD51" s="67"/>
    </row>
    <row r="52" spans="1:56" s="7" customFormat="1" ht="18" customHeight="1">
      <c r="A52" s="21"/>
      <c r="B52" s="4"/>
      <c r="C52" s="4"/>
      <c r="D52" s="4"/>
      <c r="E52" s="4"/>
      <c r="F52" s="12"/>
      <c r="I52" s="13"/>
      <c r="J52" s="14"/>
      <c r="K52" s="15"/>
      <c r="L52" s="9"/>
      <c r="M52" s="9"/>
      <c r="N52" s="9"/>
      <c r="O52" s="9"/>
      <c r="P52" s="9"/>
      <c r="T52" s="66"/>
      <c r="U52" s="67"/>
      <c r="V52" s="67"/>
      <c r="W52" s="67"/>
      <c r="X52" s="67"/>
      <c r="Y52" s="67"/>
      <c r="Z52" s="68"/>
      <c r="AA52" s="67"/>
      <c r="AB52" s="67"/>
      <c r="AC52" s="67"/>
      <c r="AD52" s="67"/>
      <c r="AE52" s="67"/>
      <c r="AF52" s="69"/>
      <c r="AG52" s="69"/>
      <c r="AH52" s="69"/>
      <c r="AI52" s="69"/>
      <c r="AJ52" s="69"/>
      <c r="AK52" s="69"/>
      <c r="AL52" s="67"/>
      <c r="AM52" s="67"/>
      <c r="AN52" s="67"/>
      <c r="AO52" s="67"/>
      <c r="AP52" s="67"/>
      <c r="AQ52" s="67"/>
      <c r="AR52" s="67"/>
      <c r="AS52" s="67"/>
      <c r="AT52" s="67"/>
      <c r="AU52" s="67"/>
      <c r="AV52" s="67"/>
      <c r="AW52" s="67"/>
      <c r="AX52" s="67"/>
      <c r="AY52" s="67"/>
      <c r="AZ52" s="67"/>
      <c r="BA52" s="67"/>
      <c r="BB52" s="67"/>
      <c r="BC52" s="67"/>
      <c r="BD52" s="67"/>
    </row>
    <row r="53" spans="1:56" s="7" customFormat="1" ht="18" customHeight="1">
      <c r="A53" s="21"/>
      <c r="B53" s="4"/>
      <c r="C53" s="4"/>
      <c r="D53" s="4"/>
      <c r="E53" s="4"/>
      <c r="F53" s="12"/>
      <c r="I53" s="13"/>
      <c r="J53" s="14"/>
      <c r="K53" s="15"/>
      <c r="L53" s="9"/>
      <c r="M53" s="9"/>
      <c r="N53" s="9"/>
      <c r="O53" s="9"/>
      <c r="P53" s="9"/>
      <c r="T53" s="66"/>
      <c r="U53" s="67"/>
      <c r="V53" s="67"/>
      <c r="W53" s="67"/>
      <c r="X53" s="67"/>
      <c r="Y53" s="67"/>
      <c r="Z53" s="68"/>
      <c r="AA53" s="67"/>
      <c r="AB53" s="67"/>
      <c r="AC53" s="67"/>
      <c r="AD53" s="67"/>
      <c r="AE53" s="67"/>
      <c r="AF53" s="69"/>
      <c r="AG53" s="69"/>
      <c r="AH53" s="69"/>
      <c r="AI53" s="69"/>
      <c r="AJ53" s="69"/>
      <c r="AK53" s="69"/>
      <c r="AL53" s="67"/>
      <c r="AM53" s="67"/>
      <c r="AN53" s="67"/>
      <c r="AO53" s="67"/>
      <c r="AP53" s="67"/>
      <c r="AQ53" s="67"/>
      <c r="AR53" s="67"/>
      <c r="AS53" s="67"/>
      <c r="AT53" s="67"/>
      <c r="AU53" s="67"/>
      <c r="AV53" s="67"/>
      <c r="AW53" s="67"/>
      <c r="AX53" s="67"/>
      <c r="AY53" s="67"/>
      <c r="AZ53" s="67"/>
      <c r="BA53" s="67"/>
      <c r="BB53" s="67"/>
      <c r="BC53" s="67"/>
      <c r="BD53" s="67"/>
    </row>
    <row r="54" spans="1:56" s="7" customFormat="1" ht="18" customHeight="1">
      <c r="A54" s="21"/>
      <c r="B54" s="4"/>
      <c r="C54" s="4"/>
      <c r="D54" s="4"/>
      <c r="E54" s="4"/>
      <c r="F54" s="12"/>
      <c r="I54" s="13"/>
      <c r="J54" s="14"/>
      <c r="K54" s="15"/>
      <c r="L54" s="9"/>
      <c r="M54" s="9"/>
      <c r="N54" s="9"/>
      <c r="O54" s="9"/>
      <c r="P54" s="9"/>
      <c r="T54" s="66"/>
      <c r="U54" s="67"/>
      <c r="V54" s="67"/>
      <c r="W54" s="67"/>
      <c r="X54" s="67"/>
      <c r="Y54" s="67"/>
      <c r="Z54" s="68"/>
      <c r="AA54" s="67"/>
      <c r="AB54" s="67"/>
      <c r="AC54" s="67"/>
      <c r="AD54" s="67"/>
      <c r="AE54" s="67"/>
      <c r="AF54" s="69"/>
      <c r="AG54" s="69"/>
      <c r="AH54" s="69"/>
      <c r="AI54" s="69"/>
      <c r="AJ54" s="69"/>
      <c r="AK54" s="69"/>
      <c r="AL54" s="67"/>
      <c r="AM54" s="67"/>
      <c r="AN54" s="67"/>
      <c r="AO54" s="67"/>
      <c r="AP54" s="67"/>
      <c r="AQ54" s="67"/>
      <c r="AR54" s="67"/>
      <c r="AS54" s="67"/>
      <c r="AT54" s="67"/>
      <c r="AU54" s="67"/>
      <c r="AV54" s="67"/>
      <c r="AW54" s="67"/>
      <c r="AX54" s="67"/>
      <c r="AY54" s="67"/>
      <c r="AZ54" s="67"/>
      <c r="BA54" s="67"/>
      <c r="BB54" s="67"/>
      <c r="BC54" s="67"/>
      <c r="BD54" s="67"/>
    </row>
    <row r="55" spans="1:56" s="7" customFormat="1" ht="18" customHeight="1">
      <c r="A55" s="21"/>
      <c r="B55" s="4"/>
      <c r="C55" s="4"/>
      <c r="D55" s="4"/>
      <c r="E55" s="4"/>
      <c r="F55" s="12"/>
      <c r="I55" s="13"/>
      <c r="J55" s="14"/>
      <c r="K55" s="15"/>
      <c r="L55" s="9"/>
      <c r="M55" s="9"/>
      <c r="N55" s="9"/>
      <c r="O55" s="9"/>
      <c r="P55" s="9"/>
      <c r="T55" s="66"/>
      <c r="U55" s="67"/>
      <c r="V55" s="67"/>
      <c r="W55" s="67"/>
      <c r="X55" s="67"/>
      <c r="Y55" s="67"/>
      <c r="Z55" s="68"/>
      <c r="AA55" s="67"/>
      <c r="AB55" s="67"/>
      <c r="AC55" s="67"/>
      <c r="AD55" s="67"/>
      <c r="AE55" s="67"/>
      <c r="AF55" s="69"/>
      <c r="AG55" s="69"/>
      <c r="AH55" s="69"/>
      <c r="AI55" s="69"/>
      <c r="AJ55" s="69"/>
      <c r="AK55" s="69"/>
      <c r="AL55" s="67"/>
      <c r="AM55" s="67"/>
      <c r="AN55" s="67"/>
      <c r="AO55" s="67"/>
      <c r="AP55" s="67"/>
      <c r="AQ55" s="67"/>
      <c r="AR55" s="67"/>
      <c r="AS55" s="67"/>
      <c r="AT55" s="67"/>
      <c r="AU55" s="67"/>
      <c r="AV55" s="67"/>
      <c r="AW55" s="67"/>
      <c r="AX55" s="67"/>
      <c r="AY55" s="67"/>
      <c r="AZ55" s="67"/>
      <c r="BA55" s="67"/>
      <c r="BB55" s="67"/>
      <c r="BC55" s="67"/>
      <c r="BD55" s="67"/>
    </row>
    <row r="56" spans="1:56" s="7" customFormat="1" ht="18.75" customHeight="1">
      <c r="A56" s="21"/>
      <c r="B56" s="4"/>
      <c r="C56" s="4"/>
      <c r="D56" s="4"/>
      <c r="E56" s="4"/>
      <c r="F56" s="12"/>
      <c r="I56" s="13"/>
      <c r="J56" s="14"/>
      <c r="K56" s="15"/>
      <c r="L56" s="9"/>
      <c r="M56" s="9"/>
      <c r="N56" s="9"/>
      <c r="O56" s="9"/>
      <c r="P56" s="9"/>
      <c r="T56" s="66"/>
      <c r="U56" s="67"/>
      <c r="V56" s="67"/>
      <c r="W56" s="67"/>
      <c r="X56" s="67"/>
      <c r="Y56" s="67"/>
      <c r="Z56" s="68"/>
      <c r="AA56" s="67"/>
      <c r="AB56" s="67"/>
      <c r="AC56" s="67"/>
      <c r="AD56" s="67"/>
      <c r="AE56" s="67"/>
      <c r="AF56" s="69"/>
      <c r="AG56" s="69"/>
      <c r="AH56" s="69"/>
      <c r="AI56" s="69"/>
      <c r="AJ56" s="69"/>
      <c r="AK56" s="69"/>
      <c r="AL56" s="67"/>
      <c r="AM56" s="67"/>
      <c r="AN56" s="67"/>
      <c r="AO56" s="67"/>
      <c r="AP56" s="67"/>
      <c r="AQ56" s="67"/>
      <c r="AR56" s="67"/>
      <c r="AS56" s="67"/>
      <c r="AT56" s="67"/>
      <c r="AU56" s="67"/>
      <c r="AV56" s="67"/>
      <c r="AW56" s="67"/>
      <c r="AX56" s="67"/>
      <c r="AY56" s="67"/>
      <c r="AZ56" s="67"/>
      <c r="BA56" s="67"/>
      <c r="BB56" s="67"/>
      <c r="BC56" s="67"/>
      <c r="BD56" s="67"/>
    </row>
    <row r="57" spans="1:56" s="7" customFormat="1" ht="18.75" customHeight="1">
      <c r="A57" s="21"/>
      <c r="B57" s="4"/>
      <c r="C57" s="4"/>
      <c r="D57" s="4"/>
      <c r="E57" s="4"/>
      <c r="F57" s="12"/>
      <c r="I57" s="13"/>
      <c r="J57" s="14"/>
      <c r="K57" s="15"/>
      <c r="L57" s="9"/>
      <c r="M57" s="9"/>
      <c r="N57" s="9"/>
      <c r="O57" s="9"/>
      <c r="P57" s="9"/>
      <c r="T57" s="66"/>
      <c r="U57" s="67"/>
      <c r="V57" s="67"/>
      <c r="W57" s="67"/>
      <c r="X57" s="67"/>
      <c r="Y57" s="67"/>
      <c r="Z57" s="68"/>
      <c r="AA57" s="67"/>
      <c r="AB57" s="67"/>
      <c r="AC57" s="67"/>
      <c r="AD57" s="67"/>
      <c r="AE57" s="67"/>
      <c r="AF57" s="69"/>
      <c r="AG57" s="69"/>
      <c r="AH57" s="69"/>
      <c r="AI57" s="69"/>
      <c r="AJ57" s="69"/>
      <c r="AK57" s="69"/>
      <c r="AL57" s="67"/>
      <c r="AM57" s="67"/>
      <c r="AN57" s="67"/>
      <c r="AO57" s="67"/>
      <c r="AP57" s="67"/>
      <c r="AQ57" s="67"/>
      <c r="AR57" s="67"/>
      <c r="AS57" s="67"/>
      <c r="AT57" s="67"/>
      <c r="AU57" s="67"/>
      <c r="AV57" s="67"/>
      <c r="AW57" s="67"/>
      <c r="AX57" s="67"/>
      <c r="AY57" s="67"/>
      <c r="AZ57" s="67"/>
      <c r="BA57" s="67"/>
      <c r="BB57" s="67"/>
      <c r="BC57" s="67"/>
      <c r="BD57" s="67"/>
    </row>
  </sheetData>
  <mergeCells count="28">
    <mergeCell ref="D33:E33"/>
    <mergeCell ref="A35:E35"/>
    <mergeCell ref="D31:E31"/>
    <mergeCell ref="B17:E17"/>
    <mergeCell ref="C18:E18"/>
    <mergeCell ref="D19:E19"/>
    <mergeCell ref="B21:E21"/>
    <mergeCell ref="C22:E22"/>
    <mergeCell ref="D23:E23"/>
    <mergeCell ref="B25:E25"/>
    <mergeCell ref="C26:E26"/>
    <mergeCell ref="D27:E27"/>
    <mergeCell ref="B29:E29"/>
    <mergeCell ref="C30:E30"/>
    <mergeCell ref="D15:E15"/>
    <mergeCell ref="J1:K1"/>
    <mergeCell ref="G4:H4"/>
    <mergeCell ref="G5:H5"/>
    <mergeCell ref="B9:E9"/>
    <mergeCell ref="C10:E10"/>
    <mergeCell ref="D11:E11"/>
    <mergeCell ref="B13:E13"/>
    <mergeCell ref="C14:E14"/>
    <mergeCell ref="AF6:AM8"/>
    <mergeCell ref="B7:E8"/>
    <mergeCell ref="F7:F8"/>
    <mergeCell ref="J7:K8"/>
    <mergeCell ref="V2:AD6"/>
  </mergeCells>
  <phoneticPr fontId="3"/>
  <conditionalFormatting sqref="E9:E32">
    <cfRule type="expression" dxfId="1" priority="8">
      <formula>#REF!="○"</formula>
    </cfRule>
  </conditionalFormatting>
  <conditionalFormatting sqref="G9:H19 G21:G32 H21:H35">
    <cfRule type="expression" dxfId="0" priority="7">
      <formula>G9=""</formula>
    </cfRule>
  </conditionalFormatting>
  <printOptions horizontalCentered="1"/>
  <pageMargins left="0.70866141732283472" right="0.70866141732283472" top="0.78740157480314965" bottom="0.59055118110236227" header="0.31496062992125984" footer="0.31496062992125984"/>
  <pageSetup paperSize="9" scale="70" orientation="portrait" blackAndWhite="1" copies="2" r:id="rId1"/>
  <headerFooter>
    <oddFooter>&amp;C&amp;P</oddFooter>
  </headerFooter>
  <legacy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５</vt:lpstr>
      <vt:lpstr>様式５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矢口　翔大</dc:creator>
  <cp:lastModifiedBy>前田　勝弘 / MAEDA Katsuhiro</cp:lastModifiedBy>
  <cp:lastPrinted>2026-02-12T04:37:26Z</cp:lastPrinted>
  <dcterms:created xsi:type="dcterms:W3CDTF">2024-01-15T02:34:50Z</dcterms:created>
  <dcterms:modified xsi:type="dcterms:W3CDTF">2026-02-18T06:27:27Z</dcterms:modified>
</cp:coreProperties>
</file>